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updateLinks="never"/>
  <mc:AlternateContent xmlns:mc="http://schemas.openxmlformats.org/markup-compatibility/2006">
    <mc:Choice Requires="x15">
      <x15ac:absPath xmlns:x15ac="http://schemas.microsoft.com/office/spreadsheetml/2010/11/ac" url="Z:\01_環境計画グループ（庁外可）\13_環境教育・環境学習\01_環境教育\01_学校派遣事業\04_00実施希望校募集Ｒ８\ＣＭＳ\"/>
    </mc:Choice>
  </mc:AlternateContent>
  <xr:revisionPtr revIDLastSave="0" documentId="13_ncr:1_{22774577-A285-452D-8520-C9817523AF7C}" xr6:coauthVersionLast="47" xr6:coauthVersionMax="47" xr10:uidLastSave="{00000000-0000-0000-0000-000000000000}"/>
  <bookViews>
    <workbookView xWindow="-120" yWindow="-120" windowWidth="29040" windowHeight="15720" xr2:uid="{00000000-000D-0000-FFFF-FFFF00000000}"/>
  </bookViews>
  <sheets>
    <sheet name="Sheet1" sheetId="2" r:id="rId1"/>
  </sheets>
  <externalReferences>
    <externalReference r:id="rId2"/>
    <externalReference r:id="rId3"/>
    <externalReference r:id="rId4"/>
  </externalReferences>
  <definedNames>
    <definedName name="_xlnm._FilterDatabase" localSheetId="0" hidden="1">Sheet1!$B$3:$AD$87</definedName>
    <definedName name="_xlnm.Print_Titles" localSheetId="0">Sheet1!$1:$3</definedName>
    <definedName name="企業講師">#REF!</definedName>
    <definedName name="教員特殊勤務手当C">[1]特勤C!$AI$2:$AI$17</definedName>
    <definedName name="歳出予算執行依頼票選択">[2]歳出予算依頼票データ!$B$2:$B$125</definedName>
    <definedName name="種類">[2]データ!$C$2:$C$7</definedName>
    <definedName name="所在市町村">[2]データ!$D$2:$D$34</definedName>
    <definedName name="設置区分">[2]データ!$B$2:$B$37</definedName>
    <definedName name="旅費">[1]件数!$D$1:$I$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D47" i="2" l="1"/>
  <c r="AC47" i="2"/>
  <c r="AB47" i="2"/>
  <c r="AA47" i="2"/>
  <c r="Z47" i="2"/>
  <c r="Y47" i="2"/>
  <c r="X47" i="2"/>
  <c r="W47" i="2"/>
  <c r="V47" i="2"/>
  <c r="U47" i="2"/>
  <c r="T47" i="2"/>
  <c r="S47" i="2"/>
  <c r="R47" i="2"/>
  <c r="Q47" i="2"/>
  <c r="P47" i="2"/>
  <c r="O47" i="2"/>
  <c r="N47" i="2"/>
  <c r="M47" i="2"/>
  <c r="L47" i="2"/>
  <c r="K47" i="2"/>
  <c r="J47" i="2"/>
  <c r="I47" i="2"/>
  <c r="H47" i="2"/>
  <c r="G47" i="2"/>
  <c r="F47" i="2"/>
  <c r="E47" i="2"/>
  <c r="D47" i="2"/>
  <c r="C47" i="2"/>
</calcChain>
</file>

<file path=xl/sharedStrings.xml><?xml version="1.0" encoding="utf-8"?>
<sst xmlns="http://schemas.openxmlformats.org/spreadsheetml/2006/main" count="1294" uniqueCount="175">
  <si>
    <t>分野</t>
    <rPh sb="0" eb="2">
      <t>ブンヤ</t>
    </rPh>
    <phoneticPr fontId="2"/>
  </si>
  <si>
    <t>講師団体</t>
    <rPh sb="0" eb="2">
      <t>コウシ</t>
    </rPh>
    <rPh sb="2" eb="4">
      <t>ダンタイ</t>
    </rPh>
    <phoneticPr fontId="2"/>
  </si>
  <si>
    <t>授業テーマ</t>
    <rPh sb="0" eb="2">
      <t>ジュギョウ</t>
    </rPh>
    <phoneticPr fontId="2"/>
  </si>
  <si>
    <t>中学</t>
    <rPh sb="0" eb="1">
      <t>チュウ</t>
    </rPh>
    <phoneticPr fontId="2"/>
  </si>
  <si>
    <t>高校</t>
    <rPh sb="0" eb="1">
      <t>コウ</t>
    </rPh>
    <phoneticPr fontId="2"/>
  </si>
  <si>
    <t>活用可能教科</t>
    <rPh sb="0" eb="2">
      <t>カツヨウ</t>
    </rPh>
    <rPh sb="2" eb="4">
      <t>カノウ</t>
    </rPh>
    <rPh sb="4" eb="6">
      <t>キョウカ</t>
    </rPh>
    <phoneticPr fontId="2"/>
  </si>
  <si>
    <t>実施方法</t>
    <rPh sb="0" eb="2">
      <t>ジッシ</t>
    </rPh>
    <rPh sb="2" eb="4">
      <t>ホウホウ</t>
    </rPh>
    <phoneticPr fontId="2"/>
  </si>
  <si>
    <t>理科</t>
    <rPh sb="0" eb="2">
      <t>リカ</t>
    </rPh>
    <phoneticPr fontId="2"/>
  </si>
  <si>
    <t>社会</t>
    <rPh sb="0" eb="2">
      <t>シャカイ</t>
    </rPh>
    <phoneticPr fontId="2"/>
  </si>
  <si>
    <t>家庭科</t>
    <rPh sb="0" eb="3">
      <t>カテイカ</t>
    </rPh>
    <phoneticPr fontId="2"/>
  </si>
  <si>
    <t>総合</t>
    <rPh sb="0" eb="2">
      <t>ソウゴウ</t>
    </rPh>
    <phoneticPr fontId="2"/>
  </si>
  <si>
    <t>その他</t>
    <rPh sb="2" eb="3">
      <t>タ</t>
    </rPh>
    <phoneticPr fontId="2"/>
  </si>
  <si>
    <t>Ａ/Ｂ</t>
  </si>
  <si>
    <t>授業
番号</t>
    <rPh sb="0" eb="2">
      <t>ジュギョウ</t>
    </rPh>
    <rPh sb="3" eb="5">
      <t>バンゴウ</t>
    </rPh>
    <phoneticPr fontId="2"/>
  </si>
  <si>
    <t>団体
種別</t>
    <rPh sb="0" eb="2">
      <t>ダンタイ</t>
    </rPh>
    <rPh sb="3" eb="5">
      <t>シュベツ</t>
    </rPh>
    <phoneticPr fontId="2"/>
  </si>
  <si>
    <t>低学年</t>
    <rPh sb="0" eb="3">
      <t>テイガクネン</t>
    </rPh>
    <phoneticPr fontId="2"/>
  </si>
  <si>
    <t>中学年</t>
    <rPh sb="0" eb="3">
      <t>チュウガクネン</t>
    </rPh>
    <phoneticPr fontId="2"/>
  </si>
  <si>
    <t>高学年</t>
    <rPh sb="0" eb="1">
      <t>コウ</t>
    </rPh>
    <rPh sb="1" eb="3">
      <t>ガクネン</t>
    </rPh>
    <phoneticPr fontId="2"/>
  </si>
  <si>
    <t>小学校</t>
    <rPh sb="0" eb="3">
      <t>ショウガッコウ</t>
    </rPh>
    <phoneticPr fontId="2"/>
  </si>
  <si>
    <t>知的
障害</t>
    <rPh sb="0" eb="2">
      <t>チテキ</t>
    </rPh>
    <rPh sb="3" eb="5">
      <t>ショウガイ</t>
    </rPh>
    <phoneticPr fontId="2"/>
  </si>
  <si>
    <t>視覚
障害</t>
    <rPh sb="0" eb="2">
      <t>シカク</t>
    </rPh>
    <rPh sb="3" eb="5">
      <t>ショウガイ</t>
    </rPh>
    <phoneticPr fontId="2"/>
  </si>
  <si>
    <t>聴覚
障害</t>
    <rPh sb="0" eb="2">
      <t>チョウカク</t>
    </rPh>
    <rPh sb="3" eb="5">
      <t>ショウガイ</t>
    </rPh>
    <phoneticPr fontId="2"/>
  </si>
  <si>
    <t>病弱</t>
    <rPh sb="0" eb="2">
      <t>ビョウジャク</t>
    </rPh>
    <phoneticPr fontId="2"/>
  </si>
  <si>
    <t>肢体
不自由</t>
    <rPh sb="0" eb="2">
      <t>シタイ</t>
    </rPh>
    <rPh sb="3" eb="6">
      <t>フジユウ</t>
    </rPh>
    <phoneticPr fontId="2"/>
  </si>
  <si>
    <t>言語
障害</t>
    <rPh sb="0" eb="2">
      <t>ゲンゴ</t>
    </rPh>
    <rPh sb="3" eb="5">
      <t>ショウガイ</t>
    </rPh>
    <phoneticPr fontId="2"/>
  </si>
  <si>
    <t>情緒
障害
自閉症</t>
    <rPh sb="0" eb="2">
      <t>ジョウチョ</t>
    </rPh>
    <rPh sb="3" eb="5">
      <t>ショウガイ</t>
    </rPh>
    <rPh sb="6" eb="9">
      <t>ジヘイショウ</t>
    </rPh>
    <phoneticPr fontId="2"/>
  </si>
  <si>
    <t>特別支援学校</t>
    <rPh sb="0" eb="2">
      <t>トクベツ</t>
    </rPh>
    <rPh sb="2" eb="4">
      <t>シエン</t>
    </rPh>
    <rPh sb="4" eb="6">
      <t>ガッコウ</t>
    </rPh>
    <phoneticPr fontId="2"/>
  </si>
  <si>
    <t>講義</t>
    <rPh sb="0" eb="2">
      <t>コウギ</t>
    </rPh>
    <phoneticPr fontId="2"/>
  </si>
  <si>
    <t>校内
実験</t>
    <rPh sb="0" eb="2">
      <t>コウナイ</t>
    </rPh>
    <rPh sb="3" eb="5">
      <t>ジッケン</t>
    </rPh>
    <phoneticPr fontId="2"/>
  </si>
  <si>
    <t>校外
体験</t>
    <rPh sb="0" eb="2">
      <t>コウガイ</t>
    </rPh>
    <rPh sb="3" eb="5">
      <t>タイケン</t>
    </rPh>
    <phoneticPr fontId="2"/>
  </si>
  <si>
    <t>オン
ライン</t>
    <phoneticPr fontId="2"/>
  </si>
  <si>
    <t>対応可否</t>
    <rPh sb="0" eb="2">
      <t>タイオウ</t>
    </rPh>
    <rPh sb="2" eb="4">
      <t>カヒ</t>
    </rPh>
    <phoneticPr fontId="2"/>
  </si>
  <si>
    <t>国語</t>
    <rPh sb="0" eb="2">
      <t>コクゴ</t>
    </rPh>
    <phoneticPr fontId="2"/>
  </si>
  <si>
    <t>大規模校</t>
    <rPh sb="0" eb="3">
      <t>ダイキボ</t>
    </rPh>
    <rPh sb="3" eb="4">
      <t>コウ</t>
    </rPh>
    <phoneticPr fontId="2"/>
  </si>
  <si>
    <t>A</t>
  </si>
  <si>
    <t>企業</t>
  </si>
  <si>
    <t>その他</t>
  </si>
  <si>
    <t>生活協同組合パルシステム神奈川</t>
  </si>
  <si>
    <t>カードゲームで体験♪SDGsの世界</t>
  </si>
  <si>
    <t>○</t>
  </si>
  <si>
    <t>相談</t>
  </si>
  <si>
    <t>廃棄物・資源循環</t>
  </si>
  <si>
    <t>塩ビ工業・環境協会</t>
  </si>
  <si>
    <t>プラスチックを調べてみよう</t>
  </si>
  <si>
    <t>B</t>
  </si>
  <si>
    <t>ＮＰＯ法人等</t>
  </si>
  <si>
    <t>エネルギー</t>
  </si>
  <si>
    <t>特定非営利活動法人 神奈川県環境学習リーダー会</t>
  </si>
  <si>
    <t>地球温暖化・気候変動</t>
  </si>
  <si>
    <t>実験・ゲームで学ぼう！温暖化対策</t>
  </si>
  <si>
    <t>特定非営利活動法人神奈川県環境学習リーダー会</t>
  </si>
  <si>
    <t>人工の雲をつくろう～生きものと水、地球の水循環を知ろう～</t>
  </si>
  <si>
    <t>自然保護・生物多様性</t>
  </si>
  <si>
    <t>「動物かくれんぼ」保護色実験と食べた生きもの調べ</t>
  </si>
  <si>
    <t>NPO法人海の森・山の森事務局</t>
  </si>
  <si>
    <t>身近な川や海。そこに棲む生き物を調べよう!</t>
  </si>
  <si>
    <t>海のプラスチックごみ。このままでは地球に住めなくなる…</t>
  </si>
  <si>
    <t>マイクロプラスチックを使った世界に一つの万華鏡作り</t>
  </si>
  <si>
    <t>特定非営利活動法人　横浜LCA環境教育研究会</t>
  </si>
  <si>
    <t>カレーライスとSDGs</t>
  </si>
  <si>
    <t>かばんの中の温暖化問題</t>
  </si>
  <si>
    <t>小野　哲夫</t>
    <phoneticPr fontId="2"/>
  </si>
  <si>
    <t>特定非営利活動法人　気象キャスターネットワーク</t>
  </si>
  <si>
    <t>宇宙天気ってなあに？</t>
  </si>
  <si>
    <t>気象キャスターと考える地球温暖化</t>
  </si>
  <si>
    <t>ＮＰＯ一緒に楽しく</t>
  </si>
  <si>
    <t>3Rとごみ問題について考えよう</t>
  </si>
  <si>
    <t>株式会社オカムラ</t>
  </si>
  <si>
    <t>日本の森林について考えよう</t>
  </si>
  <si>
    <t>教室の中の３Rを考えよう</t>
  </si>
  <si>
    <t>特定非営利活動法人かながわ森林インストラクターの会</t>
  </si>
  <si>
    <t>特支視覚障がい者のための環境教室</t>
  </si>
  <si>
    <t>水の中の生きものウォチング</t>
  </si>
  <si>
    <t>木がためこんでいる二酸化炭素の量を測ろう</t>
  </si>
  <si>
    <t>土の中の生き物ウォッチング</t>
  </si>
  <si>
    <t>東京ガス株式会社
次世代教育センター</t>
  </si>
  <si>
    <t>燃料電池ってなんだろう？
～地球温暖化を防ぐためにわたしたちができること～</t>
  </si>
  <si>
    <t>食生活から学ぶSDGs ～はじめよう！エコ・クッキング～</t>
  </si>
  <si>
    <t>太陽油脂株式会社</t>
  </si>
  <si>
    <t>一個の石けんから地球環境を考える</t>
  </si>
  <si>
    <t>特定非営利活動法人かながわ環境カウンセラー協議会</t>
  </si>
  <si>
    <t>体感！！ペットボトルの３Rと地球温暖化</t>
  </si>
  <si>
    <t>特定非営利活動法人NPOブルーアース</t>
  </si>
  <si>
    <t>生ごみはコンポストでへらそう</t>
  </si>
  <si>
    <t>アルミ缶自動炊飯　(おもしろ環境教室)</t>
  </si>
  <si>
    <t>PETボトルでわたづくり　(おもしろ環境教室)</t>
  </si>
  <si>
    <t>メタウォーター株式会社</t>
  </si>
  <si>
    <t>水はどこから来る？使った水はどこへ行く？</t>
  </si>
  <si>
    <t>ふるさと環境市民</t>
  </si>
  <si>
    <t>クマ除けストラップ　ークマと人間の共存共栄を考える－</t>
  </si>
  <si>
    <t>公益財団法人地球環境戦略研究機関</t>
  </si>
  <si>
    <t>プラスチック問題について</t>
  </si>
  <si>
    <t>1.5℃ライフスタイルについて</t>
  </si>
  <si>
    <t>SDGsとサステナビリティ</t>
  </si>
  <si>
    <t>NPO法人シニアボランティア経験を活かす会</t>
  </si>
  <si>
    <t>土の働きの実験から学ぶ自然保全</t>
  </si>
  <si>
    <t>海に漂う有害なマイクロプラスチック低減の為、エコバッグを作り使う</t>
  </si>
  <si>
    <t>ＮＰＯ法人シニアボランティア経験を活かす会</t>
  </si>
  <si>
    <t>飲料パックでコースターを作り、ごみをリサイクルして地球温暖化を止める</t>
  </si>
  <si>
    <t>SDGsと食品エコラベル</t>
  </si>
  <si>
    <t xml:space="preserve">おいしい魚の裏側で何が起きている？ー 水産資源と海鳥のいまー </t>
  </si>
  <si>
    <t>「そのゴミ！ゴミじゃなぁ～い！分別するだけで地球が変わる」　　　　　　　　　-令和のリサイクル技術と私達ができること－</t>
  </si>
  <si>
    <t>名瀬谷戸の会</t>
  </si>
  <si>
    <t>身近な里山を学ぼう</t>
  </si>
  <si>
    <t>NPO法人全国森林インストラクター神奈川会</t>
  </si>
  <si>
    <t>身近な自然を学ぼう</t>
  </si>
  <si>
    <t>エネルギー探検隊</t>
  </si>
  <si>
    <t>中日本高速道路株式会社　東京支社</t>
  </si>
  <si>
    <t>環境へ配慮した高速道路の取組み</t>
  </si>
  <si>
    <t>トヨタ・コニック・プロ（株）</t>
  </si>
  <si>
    <t>クルマと環境・経済の関わりをゲームで体験！</t>
  </si>
  <si>
    <t>NPO法人三浦半島生物多様性保全</t>
  </si>
  <si>
    <t>学校周辺の自然を再発見しよう</t>
  </si>
  <si>
    <t>一般社団法人ICERC Japan</t>
  </si>
  <si>
    <t>イルカ・クジラを知って海の環境を考えよう</t>
  </si>
  <si>
    <t>水のつながりを考えよう！海の水はどこからきてどこへいく！</t>
  </si>
  <si>
    <t>クリーンアップ　まちと海のつながりを考えよう</t>
  </si>
  <si>
    <t>イルカと一緒に海の環境を考えよう</t>
  </si>
  <si>
    <t>ウエスタンデジタルテクノロジーズ合同会社</t>
  </si>
  <si>
    <t>地球にやさしいカレーを皆で作ってみよう！</t>
  </si>
  <si>
    <t>株式会社カネカ</t>
  </si>
  <si>
    <t>キミはどっち派？「便利なくらし」と「ゆたかな自然」～海から考える地球のミライ～　</t>
  </si>
  <si>
    <t>サステナビリティ教育研究会</t>
  </si>
  <si>
    <t>SDGｓと食品ロス</t>
  </si>
  <si>
    <t>東洋製罐グループ
（窓口：東洋製罐ｸﾞﾙｰﾌﾟﾎｰﾙﾃﾞｨﾝｸﾞｽ株式会社）</t>
  </si>
  <si>
    <t>容器のエコを学ぼう</t>
  </si>
  <si>
    <t>川崎市地球温暖化防止活動推進センター</t>
  </si>
  <si>
    <t>はっぱはえらい　温暖化と木の働き</t>
  </si>
  <si>
    <t>身近なことからゲーム感覚で考える地球環境問題、ＳＤＧs    [全員参加型授業]</t>
    <phoneticPr fontId="2"/>
  </si>
  <si>
    <t>SDGs活動はどうして必要？</t>
    <phoneticPr fontId="2"/>
  </si>
  <si>
    <t>Pono Malama</t>
    <phoneticPr fontId="2"/>
  </si>
  <si>
    <t>特定非営利活動法人かながわ森林インストラクターの会</t>
    <phoneticPr fontId="2"/>
  </si>
  <si>
    <t>食べ物から環境を考える～ハンバーガーはどこから来るのかな？～</t>
    <phoneticPr fontId="2"/>
  </si>
  <si>
    <t>特定非営利活動法人 アース・エコ</t>
    <phoneticPr fontId="2"/>
  </si>
  <si>
    <t>実験・ゲームで挑戦！地球温暖化防止</t>
    <phoneticPr fontId="2"/>
  </si>
  <si>
    <t>NPO法人ふるさとファーマーズ</t>
    <phoneticPr fontId="2"/>
  </si>
  <si>
    <t>土が地球を救う！？耕さない畑から学ぶ、脱炭素と「いのち」のつながり</t>
    <phoneticPr fontId="2"/>
  </si>
  <si>
    <t>神奈川県地球温暖化防止活動推進センター</t>
    <phoneticPr fontId="2"/>
  </si>
  <si>
    <t>ソーラークッカーを組み立てて地球温暖化を学ぼう！</t>
    <phoneticPr fontId="2"/>
  </si>
  <si>
    <t>ソーラーランタンを作りながら地球温暖化を学ぼう</t>
    <phoneticPr fontId="2"/>
  </si>
  <si>
    <t>果物と野菜でオルゴールをならしてみよう</t>
    <phoneticPr fontId="2"/>
  </si>
  <si>
    <t>万華鏡づくりを通して海洋プラスチック問題とゴミのポイ捨てや分別を学ぼう！</t>
    <phoneticPr fontId="2"/>
  </si>
  <si>
    <t>ずしし環境会議　　　二酸化炭素削減部会</t>
    <phoneticPr fontId="2"/>
  </si>
  <si>
    <t>地球温暖の現状と対策　何ができるか考えよう</t>
    <phoneticPr fontId="2"/>
  </si>
  <si>
    <t>楽しく実験。見つけよう私たちにできるエコ</t>
    <phoneticPr fontId="2"/>
  </si>
  <si>
    <t>特定非営利活動法人ソフトエネルギープロジェクト</t>
    <phoneticPr fontId="2"/>
  </si>
  <si>
    <t>学ぼう！学校や家庭でできる脱炭素・省エネ・防災とSDGs</t>
    <phoneticPr fontId="2"/>
  </si>
  <si>
    <t>川崎市地球温暖化防止活動推進センター</t>
    <phoneticPr fontId="2"/>
  </si>
  <si>
    <t>地球温暖化とは　～見て、触れて､感じて～</t>
    <phoneticPr fontId="2"/>
  </si>
  <si>
    <t>かわさき環境教育学習プロジェクト</t>
    <phoneticPr fontId="2"/>
  </si>
  <si>
    <t>気候変動適応＜影響に備える＞のミステリー（探求学習）</t>
    <phoneticPr fontId="2"/>
  </si>
  <si>
    <t>地球温暖化対策に学ぶＳＤＧｓへの取り組み、カーボンフットプリントを知る</t>
    <phoneticPr fontId="2"/>
  </si>
  <si>
    <t>くらしを支えるエネルギー  ～都市ガスが届くまで～</t>
    <phoneticPr fontId="2"/>
  </si>
  <si>
    <t>ENY管理士事務所㈱</t>
    <phoneticPr fontId="2"/>
  </si>
  <si>
    <t>特定非営利活動法人 神奈川県環境学習リーダー会</t>
    <phoneticPr fontId="2"/>
  </si>
  <si>
    <t>大切なエネルギー！私たちにできるエコ</t>
    <phoneticPr fontId="2"/>
  </si>
  <si>
    <t>新エネルギーによる発電と燃料電池</t>
    <phoneticPr fontId="2"/>
  </si>
  <si>
    <t>電気を作ろう！電気の玉手箱</t>
    <phoneticPr fontId="2"/>
  </si>
  <si>
    <t>ふるさと環境市民</t>
    <phoneticPr fontId="2"/>
  </si>
  <si>
    <t>食べ物から環境を考える～お日様の力で目玉焼きを作ろう！～</t>
    <phoneticPr fontId="2"/>
  </si>
  <si>
    <t>特定非営利活動法人NPOブルーアース</t>
    <phoneticPr fontId="2"/>
  </si>
  <si>
    <t>夜光ケルン　－暗闇で光るオブジェを作ろう！－</t>
    <phoneticPr fontId="2"/>
  </si>
  <si>
    <t>横浜温暖化防止推進員会議</t>
    <phoneticPr fontId="2"/>
  </si>
  <si>
    <t>ソーラーガーデンライトとペットボトルで、ソーラーランタンを作ろう！</t>
    <phoneticPr fontId="2"/>
  </si>
  <si>
    <t>身の回りのエネルギーから環境を考えよう</t>
    <phoneticPr fontId="2"/>
  </si>
  <si>
    <t>作ってみよう、自然エネルギー工作と科学を学ぶ</t>
    <phoneticPr fontId="2"/>
  </si>
  <si>
    <t>水素が地球を救うー燃料電池とはー</t>
    <phoneticPr fontId="2"/>
  </si>
  <si>
    <t>Ｒ８</t>
    <phoneticPr fontId="2"/>
  </si>
  <si>
    <t>東京ガス株式会社次世代教育センター</t>
    <phoneticPr fontId="2"/>
  </si>
  <si>
    <t>東京ガス株式会社次世代教育センター</t>
    <phoneticPr fontId="2"/>
  </si>
  <si>
    <t>サステナビリテイ教育研究会</t>
    <phoneticPr fontId="2"/>
  </si>
  <si>
    <t>ＮＰＯ法人フォーラム・アソシエ</t>
  </si>
  <si>
    <t>足もとの自然を楽しもう</t>
  </si>
  <si>
    <t>どんぐりはかせになろう</t>
  </si>
  <si>
    <t>かながわ環境教室　授業一覧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2"/>
      <color theme="1"/>
      <name val="ＭＳ 明朝"/>
      <family val="2"/>
      <charset val="128"/>
    </font>
    <font>
      <sz val="12"/>
      <color theme="1"/>
      <name val="ＭＳ 明朝"/>
      <family val="2"/>
      <charset val="128"/>
    </font>
    <font>
      <sz val="6"/>
      <name val="ＭＳ 明朝"/>
      <family val="2"/>
      <charset val="128"/>
    </font>
    <font>
      <sz val="11"/>
      <color theme="1"/>
      <name val="ＭＳ Ｐゴシック"/>
      <family val="3"/>
      <charset val="128"/>
    </font>
    <font>
      <sz val="11"/>
      <name val="ＭＳ Ｐゴシック"/>
      <family val="3"/>
      <charset val="128"/>
    </font>
    <font>
      <sz val="11"/>
      <color rgb="FF222222"/>
      <name val="ＭＳ Ｐゴシック"/>
      <family val="3"/>
      <charset val="128"/>
    </font>
    <font>
      <sz val="11"/>
      <color rgb="FF000000"/>
      <name val="ＭＳ Ｐゴシック"/>
      <family val="3"/>
      <charset val="128"/>
    </font>
    <font>
      <sz val="20"/>
      <color theme="1"/>
      <name val="ＭＳ Ｐゴシック"/>
      <family val="3"/>
      <charset val="128"/>
    </font>
    <font>
      <sz val="14"/>
      <color rgb="FFFF0000"/>
      <name val="ＭＳ Ｐゴシック"/>
      <family val="3"/>
      <charset val="128"/>
    </font>
    <font>
      <strike/>
      <sz val="11"/>
      <name val="ＭＳ Ｐゴシック"/>
      <family val="3"/>
      <charset val="128"/>
    </font>
    <font>
      <strike/>
      <sz val="11"/>
      <color theme="1"/>
      <name val="ＭＳ Ｐゴシック"/>
      <family val="3"/>
      <charset val="128"/>
    </font>
  </fonts>
  <fills count="5">
    <fill>
      <patternFill patternType="none"/>
    </fill>
    <fill>
      <patternFill patternType="gray125"/>
    </fill>
    <fill>
      <patternFill patternType="solid">
        <fgColor theme="8" tint="0.59999389629810485"/>
        <bgColor indexed="64"/>
      </patternFill>
    </fill>
    <fill>
      <patternFill patternType="solid">
        <fgColor theme="7" tint="0.59999389629810485"/>
        <bgColor indexed="64"/>
      </patternFill>
    </fill>
    <fill>
      <patternFill patternType="solid">
        <fgColor theme="0" tint="-0.249977111117893"/>
        <bgColor indexed="64"/>
      </patternFill>
    </fill>
  </fills>
  <borders count="24">
    <border>
      <left/>
      <right/>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right style="thin">
        <color indexed="64"/>
      </right>
      <top style="thin">
        <color indexed="64"/>
      </top>
      <bottom style="thin">
        <color indexed="64"/>
      </bottom>
      <diagonal/>
    </border>
    <border>
      <left/>
      <right style="hair">
        <color indexed="64"/>
      </right>
      <top style="thin">
        <color indexed="64"/>
      </top>
      <bottom style="thin">
        <color indexed="64"/>
      </bottom>
      <diagonal/>
    </border>
  </borders>
  <cellStyleXfs count="2">
    <xf numFmtId="0" fontId="0" fillId="0" borderId="0">
      <alignment vertical="center"/>
    </xf>
    <xf numFmtId="0" fontId="1" fillId="0" borderId="0">
      <alignment vertical="center"/>
    </xf>
  </cellStyleXfs>
  <cellXfs count="92">
    <xf numFmtId="0" fontId="0" fillId="0" borderId="0" xfId="0">
      <alignment vertical="center"/>
    </xf>
    <xf numFmtId="0" fontId="3" fillId="0" borderId="0" xfId="0" applyFont="1" applyBorder="1" applyAlignment="1">
      <alignment vertical="center" wrapText="1"/>
    </xf>
    <xf numFmtId="49" fontId="3" fillId="2" borderId="2" xfId="0" applyNumberFormat="1" applyFont="1" applyFill="1" applyBorder="1" applyAlignment="1">
      <alignment vertical="center" textRotation="255" wrapText="1"/>
    </xf>
    <xf numFmtId="49" fontId="3" fillId="2" borderId="2" xfId="0" applyNumberFormat="1" applyFont="1" applyFill="1" applyBorder="1" applyAlignment="1">
      <alignment vertical="center" wrapText="1"/>
    </xf>
    <xf numFmtId="49" fontId="3" fillId="2" borderId="14" xfId="0" applyNumberFormat="1" applyFont="1" applyFill="1" applyBorder="1" applyAlignment="1">
      <alignment horizontal="centerContinuous" vertical="center" wrapText="1"/>
    </xf>
    <xf numFmtId="49" fontId="3" fillId="2" borderId="15" xfId="0" applyNumberFormat="1" applyFont="1" applyFill="1" applyBorder="1" applyAlignment="1">
      <alignment horizontal="centerContinuous" vertical="center" wrapText="1"/>
    </xf>
    <xf numFmtId="49" fontId="3" fillId="2" borderId="16" xfId="0" applyNumberFormat="1" applyFont="1" applyFill="1" applyBorder="1" applyAlignment="1">
      <alignment horizontal="centerContinuous" vertical="center" wrapText="1"/>
    </xf>
    <xf numFmtId="49" fontId="3" fillId="2" borderId="4" xfId="0" applyNumberFormat="1" applyFont="1" applyFill="1" applyBorder="1" applyAlignment="1">
      <alignment horizontal="center" vertical="center" wrapText="1"/>
    </xf>
    <xf numFmtId="49" fontId="3" fillId="2" borderId="17" xfId="0" applyNumberFormat="1" applyFont="1" applyFill="1" applyBorder="1" applyAlignment="1">
      <alignment horizontal="centerContinuous" vertical="center" wrapText="1"/>
    </xf>
    <xf numFmtId="49" fontId="3" fillId="2" borderId="18" xfId="0" applyNumberFormat="1" applyFont="1" applyFill="1" applyBorder="1" applyAlignment="1">
      <alignment horizontal="centerContinuous" vertical="center" wrapText="1"/>
    </xf>
    <xf numFmtId="0" fontId="3" fillId="2" borderId="14" xfId="0" applyFont="1" applyFill="1" applyBorder="1" applyAlignment="1">
      <alignment horizontal="centerContinuous" vertical="center" wrapText="1" shrinkToFit="1"/>
    </xf>
    <xf numFmtId="0" fontId="3" fillId="2" borderId="15" xfId="0" applyFont="1" applyFill="1" applyBorder="1" applyAlignment="1">
      <alignment horizontal="centerContinuous" vertical="center" wrapText="1" shrinkToFit="1"/>
    </xf>
    <xf numFmtId="0" fontId="3" fillId="2" borderId="18" xfId="0" applyFont="1" applyFill="1" applyBorder="1" applyAlignment="1">
      <alignment horizontal="centerContinuous" vertical="center" wrapText="1" shrinkToFit="1"/>
    </xf>
    <xf numFmtId="0" fontId="3" fillId="2" borderId="3" xfId="0" applyFont="1" applyFill="1" applyBorder="1" applyAlignment="1">
      <alignment horizontal="centerContinuous" vertical="center" wrapText="1" shrinkToFit="1"/>
    </xf>
    <xf numFmtId="0" fontId="3" fillId="2" borderId="5" xfId="0" applyFont="1" applyFill="1" applyBorder="1" applyAlignment="1">
      <alignment horizontal="centerContinuous" vertical="center" wrapText="1" shrinkToFit="1"/>
    </xf>
    <xf numFmtId="0" fontId="3" fillId="0" borderId="0" xfId="0" applyFont="1" applyAlignment="1">
      <alignment vertical="center" wrapText="1"/>
    </xf>
    <xf numFmtId="49" fontId="3" fillId="2" borderId="9" xfId="0" applyNumberFormat="1" applyFont="1" applyFill="1" applyBorder="1" applyAlignment="1">
      <alignment horizontal="center" vertical="top" wrapText="1"/>
    </xf>
    <xf numFmtId="49" fontId="3" fillId="2" borderId="11" xfId="0" applyNumberFormat="1" applyFont="1" applyFill="1" applyBorder="1" applyAlignment="1">
      <alignment horizontal="center" vertical="top" wrapText="1"/>
    </xf>
    <xf numFmtId="0" fontId="4" fillId="0" borderId="13" xfId="1" applyFont="1" applyFill="1" applyBorder="1" applyAlignment="1">
      <alignment horizontal="center" vertical="center" wrapText="1"/>
    </xf>
    <xf numFmtId="0" fontId="3" fillId="0" borderId="13" xfId="0" applyFont="1" applyFill="1" applyBorder="1" applyAlignment="1">
      <alignment horizontal="center" vertical="center" wrapText="1"/>
    </xf>
    <xf numFmtId="0" fontId="3" fillId="0" borderId="13" xfId="0" applyFont="1" applyBorder="1" applyAlignment="1">
      <alignment vertical="center" wrapText="1"/>
    </xf>
    <xf numFmtId="0" fontId="3" fillId="0" borderId="13" xfId="0" applyFont="1" applyFill="1" applyBorder="1" applyAlignment="1">
      <alignment horizontal="left" vertical="center" wrapText="1"/>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7" xfId="0" applyFont="1" applyBorder="1" applyAlignment="1">
      <alignment horizontal="center" vertical="center" wrapText="1" shrinkToFit="1"/>
    </xf>
    <xf numFmtId="0" fontId="3" fillId="0" borderId="8" xfId="0" applyFont="1" applyBorder="1" applyAlignment="1">
      <alignment horizontal="center" vertical="center" wrapText="1" shrinkToFit="1"/>
    </xf>
    <xf numFmtId="0" fontId="3" fillId="0" borderId="8" xfId="0" applyFont="1" applyFill="1" applyBorder="1" applyAlignment="1">
      <alignment horizontal="center" vertical="center" wrapText="1"/>
    </xf>
    <xf numFmtId="56" fontId="3" fillId="0" borderId="13" xfId="0" applyNumberFormat="1" applyFont="1" applyFill="1" applyBorder="1" applyAlignment="1">
      <alignment horizontal="center" vertical="center" wrapText="1"/>
    </xf>
    <xf numFmtId="56" fontId="3" fillId="0" borderId="13" xfId="0" applyNumberFormat="1"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6" xfId="0" applyFont="1" applyBorder="1" applyAlignment="1">
      <alignment horizontal="center" vertical="center" wrapText="1" shrinkToFit="1"/>
    </xf>
    <xf numFmtId="0" fontId="3" fillId="0" borderId="7" xfId="0" applyFont="1" applyFill="1" applyBorder="1" applyAlignment="1">
      <alignment horizontal="center" vertical="center" wrapText="1"/>
    </xf>
    <xf numFmtId="0" fontId="3" fillId="0" borderId="8" xfId="0" applyFont="1" applyFill="1" applyBorder="1" applyAlignment="1">
      <alignment horizontal="center" vertical="center" wrapText="1" shrinkToFit="1"/>
    </xf>
    <xf numFmtId="0" fontId="5" fillId="0" borderId="13" xfId="0" applyFont="1" applyBorder="1" applyAlignment="1">
      <alignment vertical="center"/>
    </xf>
    <xf numFmtId="0" fontId="6" fillId="0" borderId="13" xfId="0" applyFont="1" applyBorder="1" applyAlignment="1">
      <alignment horizontal="left" vertical="center"/>
    </xf>
    <xf numFmtId="56" fontId="3" fillId="0" borderId="0" xfId="0" applyNumberFormat="1" applyFont="1" applyFill="1" applyBorder="1" applyAlignment="1">
      <alignment horizontal="left" vertical="center" wrapText="1"/>
    </xf>
    <xf numFmtId="49" fontId="3" fillId="0" borderId="0" xfId="0" applyNumberFormat="1" applyFont="1" applyAlignment="1">
      <alignment horizontal="center" vertical="center" wrapText="1"/>
    </xf>
    <xf numFmtId="0" fontId="3" fillId="0" borderId="0" xfId="0" applyFont="1" applyFill="1" applyAlignment="1">
      <alignment horizontal="center" vertical="center" wrapText="1"/>
    </xf>
    <xf numFmtId="0" fontId="3" fillId="0" borderId="0" xfId="0" applyFont="1" applyAlignment="1">
      <alignment vertical="center" wrapText="1" shrinkToFit="1"/>
    </xf>
    <xf numFmtId="0" fontId="3" fillId="0" borderId="0" xfId="0" applyFont="1" applyAlignment="1">
      <alignment horizontal="center" vertical="center" wrapText="1"/>
    </xf>
    <xf numFmtId="0" fontId="7" fillId="0" borderId="0" xfId="0" applyFont="1" applyBorder="1" applyAlignment="1">
      <alignment vertical="center"/>
    </xf>
    <xf numFmtId="0" fontId="7" fillId="0" borderId="0" xfId="0" applyFont="1" applyFill="1" applyBorder="1" applyAlignment="1">
      <alignment vertical="center"/>
    </xf>
    <xf numFmtId="49" fontId="7" fillId="0" borderId="0" xfId="0" applyNumberFormat="1" applyFont="1" applyBorder="1" applyAlignment="1">
      <alignment vertical="center"/>
    </xf>
    <xf numFmtId="0" fontId="7" fillId="0" borderId="1" xfId="0" applyFont="1" applyFill="1" applyBorder="1" applyAlignment="1">
      <alignment vertical="center"/>
    </xf>
    <xf numFmtId="49" fontId="3" fillId="3" borderId="10" xfId="0" applyNumberFormat="1" applyFont="1" applyFill="1" applyBorder="1" applyAlignment="1">
      <alignment horizontal="center" vertical="center" wrapText="1"/>
    </xf>
    <xf numFmtId="49" fontId="3" fillId="3" borderId="11" xfId="0" applyNumberFormat="1" applyFont="1" applyFill="1" applyBorder="1" applyAlignment="1">
      <alignment horizontal="center" vertical="center" wrapText="1"/>
    </xf>
    <xf numFmtId="49" fontId="3" fillId="3" borderId="12" xfId="0" applyNumberFormat="1" applyFont="1" applyFill="1" applyBorder="1" applyAlignment="1">
      <alignment horizontal="center" vertical="center" wrapText="1"/>
    </xf>
    <xf numFmtId="0" fontId="3" fillId="3" borderId="19" xfId="0" applyFont="1" applyFill="1" applyBorder="1" applyAlignment="1">
      <alignment horizontal="center" vertical="center" shrinkToFit="1"/>
    </xf>
    <xf numFmtId="0" fontId="3" fillId="3" borderId="20" xfId="0" applyFont="1" applyFill="1" applyBorder="1" applyAlignment="1">
      <alignment horizontal="center" vertical="center" shrinkToFit="1"/>
    </xf>
    <xf numFmtId="0" fontId="3" fillId="3" borderId="21" xfId="0" applyFont="1" applyFill="1" applyBorder="1" applyAlignment="1">
      <alignment horizontal="center" vertical="center" shrinkToFit="1"/>
    </xf>
    <xf numFmtId="0" fontId="3" fillId="3" borderId="19" xfId="0" applyFont="1" applyFill="1" applyBorder="1" applyAlignment="1">
      <alignment horizontal="center" vertical="center" wrapText="1" shrinkToFit="1"/>
    </xf>
    <xf numFmtId="0" fontId="3" fillId="3" borderId="20" xfId="0" applyFont="1" applyFill="1" applyBorder="1" applyAlignment="1">
      <alignment horizontal="center" vertical="center" wrapText="1" shrinkToFit="1"/>
    </xf>
    <xf numFmtId="0" fontId="3" fillId="3" borderId="21" xfId="0" applyFont="1" applyFill="1" applyBorder="1" applyAlignment="1">
      <alignment horizontal="center" vertical="center" wrapText="1" shrinkToFit="1"/>
    </xf>
    <xf numFmtId="0" fontId="7" fillId="0" borderId="1" xfId="0" applyFont="1" applyFill="1" applyBorder="1" applyAlignment="1">
      <alignment horizontal="center" vertical="center" shrinkToFit="1"/>
    </xf>
    <xf numFmtId="0" fontId="7" fillId="0" borderId="0" xfId="0" applyFont="1" applyFill="1" applyBorder="1" applyAlignment="1">
      <alignment horizontal="center" vertical="center" shrinkToFit="1"/>
    </xf>
    <xf numFmtId="0" fontId="7" fillId="0" borderId="0" xfId="0" applyFont="1" applyBorder="1" applyAlignment="1">
      <alignment horizontal="center" vertical="center" shrinkToFit="1"/>
    </xf>
    <xf numFmtId="0" fontId="7" fillId="0" borderId="0" xfId="0" applyFont="1" applyBorder="1" applyAlignment="1">
      <alignment horizontal="center" vertical="center"/>
    </xf>
    <xf numFmtId="0" fontId="7" fillId="0" borderId="0" xfId="0" applyFont="1" applyFill="1" applyBorder="1" applyAlignment="1">
      <alignment horizontal="center" vertical="center"/>
    </xf>
    <xf numFmtId="0" fontId="3" fillId="0" borderId="0" xfId="0" applyFont="1" applyAlignment="1">
      <alignment horizontal="center" vertical="center" wrapText="1" shrinkToFit="1"/>
    </xf>
    <xf numFmtId="0" fontId="3" fillId="0" borderId="13" xfId="0" applyFont="1" applyBorder="1" applyAlignment="1">
      <alignment horizontal="center" vertical="center" wrapText="1"/>
    </xf>
    <xf numFmtId="0" fontId="3" fillId="0" borderId="13" xfId="0" applyFont="1" applyBorder="1" applyAlignment="1">
      <alignment horizontal="left" vertical="center" wrapText="1"/>
    </xf>
    <xf numFmtId="0" fontId="4" fillId="0" borderId="0" xfId="1" applyFont="1" applyFill="1" applyBorder="1" applyAlignment="1">
      <alignment horizontal="center" vertical="center" wrapText="1"/>
    </xf>
    <xf numFmtId="56" fontId="3" fillId="0" borderId="0" xfId="0" applyNumberFormat="1" applyFont="1" applyFill="1" applyBorder="1" applyAlignment="1">
      <alignment horizontal="center" vertical="center" wrapText="1"/>
    </xf>
    <xf numFmtId="0" fontId="3" fillId="0" borderId="0" xfId="0" applyFont="1" applyFill="1" applyBorder="1" applyAlignment="1">
      <alignment horizontal="center" vertical="center" wrapText="1"/>
    </xf>
    <xf numFmtId="0" fontId="3" fillId="0" borderId="0" xfId="0" applyFont="1" applyBorder="1" applyAlignment="1">
      <alignment horizontal="center" vertical="center" wrapText="1"/>
    </xf>
    <xf numFmtId="0" fontId="3" fillId="0" borderId="0" xfId="0" applyFont="1" applyBorder="1" applyAlignment="1">
      <alignment horizontal="center" vertical="center" wrapText="1" shrinkToFit="1"/>
    </xf>
    <xf numFmtId="0" fontId="8" fillId="0" borderId="0" xfId="0" applyFont="1" applyBorder="1" applyAlignment="1">
      <alignment vertical="center" shrinkToFit="1"/>
    </xf>
    <xf numFmtId="0" fontId="3" fillId="4" borderId="6" xfId="0" applyFont="1" applyFill="1" applyBorder="1" applyAlignment="1">
      <alignment horizontal="center" vertical="center" wrapText="1"/>
    </xf>
    <xf numFmtId="0" fontId="3" fillId="4" borderId="7" xfId="0" applyFont="1" applyFill="1" applyBorder="1" applyAlignment="1">
      <alignment horizontal="center" vertical="center" wrapText="1"/>
    </xf>
    <xf numFmtId="0" fontId="3" fillId="4" borderId="8" xfId="0" applyFont="1" applyFill="1" applyBorder="1" applyAlignment="1">
      <alignment horizontal="center" vertical="center" wrapText="1"/>
    </xf>
    <xf numFmtId="0" fontId="3" fillId="4" borderId="7" xfId="0" applyFont="1" applyFill="1" applyBorder="1" applyAlignment="1">
      <alignment horizontal="center" vertical="center" wrapText="1" shrinkToFit="1"/>
    </xf>
    <xf numFmtId="0" fontId="3" fillId="4" borderId="8" xfId="0" applyFont="1" applyFill="1" applyBorder="1" applyAlignment="1">
      <alignment horizontal="center" vertical="center" wrapText="1" shrinkToFit="1"/>
    </xf>
    <xf numFmtId="0" fontId="9" fillId="4" borderId="13" xfId="1" applyFont="1" applyFill="1" applyBorder="1" applyAlignment="1">
      <alignment horizontal="center" vertical="center" wrapText="1"/>
    </xf>
    <xf numFmtId="56" fontId="10" fillId="4" borderId="13" xfId="0" applyNumberFormat="1" applyFont="1" applyFill="1" applyBorder="1" applyAlignment="1">
      <alignment horizontal="center" vertical="center" wrapText="1"/>
    </xf>
    <xf numFmtId="0" fontId="10" fillId="4" borderId="13" xfId="0" applyFont="1" applyFill="1" applyBorder="1" applyAlignment="1">
      <alignment horizontal="center" vertical="center" wrapText="1"/>
    </xf>
    <xf numFmtId="0" fontId="10" fillId="4" borderId="13" xfId="0" applyFont="1" applyFill="1" applyBorder="1" applyAlignment="1">
      <alignment vertical="center" wrapText="1"/>
    </xf>
    <xf numFmtId="0" fontId="10" fillId="4" borderId="13" xfId="0" applyFont="1" applyFill="1" applyBorder="1" applyAlignment="1">
      <alignment horizontal="left" vertical="center" wrapText="1"/>
    </xf>
    <xf numFmtId="0" fontId="10" fillId="4" borderId="6" xfId="0" applyFont="1" applyFill="1" applyBorder="1" applyAlignment="1">
      <alignment horizontal="center" vertical="center" wrapText="1"/>
    </xf>
    <xf numFmtId="0" fontId="10" fillId="4" borderId="7" xfId="0" applyFont="1" applyFill="1" applyBorder="1" applyAlignment="1">
      <alignment horizontal="center" vertical="center" wrapText="1"/>
    </xf>
    <xf numFmtId="0" fontId="10" fillId="4" borderId="6" xfId="0" applyFont="1" applyFill="1" applyBorder="1" applyAlignment="1">
      <alignment horizontal="center" vertical="center" wrapText="1" shrinkToFit="1"/>
    </xf>
    <xf numFmtId="0" fontId="10" fillId="4" borderId="7" xfId="0" applyFont="1" applyFill="1" applyBorder="1" applyAlignment="1">
      <alignment horizontal="center" vertical="center" wrapText="1" shrinkToFit="1"/>
    </xf>
    <xf numFmtId="0" fontId="10" fillId="4" borderId="8" xfId="0" applyFont="1" applyFill="1" applyBorder="1" applyAlignment="1">
      <alignment horizontal="center" vertical="center" wrapText="1" shrinkToFit="1"/>
    </xf>
    <xf numFmtId="0" fontId="10" fillId="4" borderId="8" xfId="0" applyFont="1" applyFill="1" applyBorder="1" applyAlignment="1">
      <alignment horizontal="center" vertical="center" wrapText="1"/>
    </xf>
    <xf numFmtId="0" fontId="10" fillId="4" borderId="0" xfId="0" applyFont="1" applyFill="1" applyBorder="1" applyAlignment="1">
      <alignment horizontal="left" vertical="center" wrapText="1"/>
    </xf>
    <xf numFmtId="0" fontId="3" fillId="0" borderId="13" xfId="0" applyFont="1" applyFill="1" applyBorder="1" applyAlignment="1">
      <alignment vertical="center" wrapText="1"/>
    </xf>
    <xf numFmtId="0" fontId="3" fillId="0" borderId="22" xfId="0" applyFont="1" applyBorder="1" applyAlignment="1">
      <alignment horizontal="center" vertical="center" wrapText="1"/>
    </xf>
    <xf numFmtId="0" fontId="3" fillId="0" borderId="22" xfId="0" applyFont="1" applyBorder="1" applyAlignment="1">
      <alignment horizontal="center" vertical="center" wrapText="1" shrinkToFit="1"/>
    </xf>
    <xf numFmtId="0" fontId="3" fillId="0" borderId="22" xfId="0" applyFont="1" applyFill="1" applyBorder="1" applyAlignment="1">
      <alignment horizontal="center" vertical="center" wrapText="1"/>
    </xf>
    <xf numFmtId="0" fontId="3" fillId="0" borderId="23" xfId="0" applyFont="1" applyBorder="1" applyAlignment="1">
      <alignment horizontal="center" vertical="center" wrapText="1"/>
    </xf>
    <xf numFmtId="0" fontId="3" fillId="0" borderId="4" xfId="0" applyFont="1" applyBorder="1" applyAlignment="1">
      <alignment horizontal="center" vertical="center" wrapText="1"/>
    </xf>
    <xf numFmtId="0" fontId="3" fillId="0" borderId="11" xfId="0" applyFont="1" applyBorder="1" applyAlignment="1">
      <alignment horizontal="center" vertical="center" wrapText="1"/>
    </xf>
  </cellXfs>
  <cellStyles count="2">
    <cellStyle name="標準" xfId="0" builtinId="0"/>
    <cellStyle name="標準 4" xfId="1" xr:uid="{00000000-0005-0000-0000-000001000000}"/>
  </cellStyles>
  <dxfs count="1">
    <dxf>
      <fill>
        <patternFill>
          <bgColor theme="2"/>
        </patternFill>
      </fill>
    </dxf>
  </dxfs>
  <tableStyles count="0" defaultTableStyle="TableStyleMedium2" defaultPivotStyle="PivotStyleLight16"/>
  <colors>
    <mruColors>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0502\Users\78208182\Desktop\&#12467;&#12500;&#12540;&#29031;&#20250;&#22238;&#31572;&#12395;&#12388;&#12356;&#12390;.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0502\common\H29\03_&#22320;&#29699;&#28201;&#26262;&#21270;&#23550;&#31574;&#12464;&#12523;&#12540;&#12503;\04%20&#22320;&#29699;&#29872;&#22659;&#20445;&#20840;\05%20&#23398;&#26657;&#27966;&#36963;&#20107;&#26989;\99_&#24179;&#25104;29&#24180;&#24230;&#12539;&#22519;&#34892;&#12539;&#24540;&#21215;&#12539;&#23455;&#26045;&#32080;&#26524;-&#26368;&#32066;\00-0_H29&#24180;&#24230;&#23398;&#26657;&#27966;&#36963;&#20107;&#26989;.xlsm" TargetMode="External"/></Relationships>
</file>

<file path=xl/externalLinks/_rels/externalLink3.xml.rels><?xml version="1.0" encoding="UTF-8" standalone="yes"?>
<Relationships xmlns="http://schemas.openxmlformats.org/package/2006/relationships"><Relationship Id="rId2" Type="http://schemas.openxmlformats.org/officeDocument/2006/relationships/externalLinkPath" Target="file:///A:\01_&#29872;&#22659;&#35336;&#30011;&#12464;&#12523;&#12540;&#12503;&#65288;&#24193;&#22806;&#21487;&#65289;\13_&#29872;&#22659;&#25945;&#32946;&#12539;&#29872;&#22659;&#23398;&#32722;\01_&#29872;&#22659;&#25945;&#32946;\01_&#23398;&#26657;&#27966;&#36963;&#20107;&#26989;\03_R&#65304;&#35611;&#24107;&#24540;&#21215;\02_&#35611;&#24107;&#24540;&#21215;\02_&#30906;&#23450;&#29256;\&#9733;&#9733;&#9733;02_01_0210_&#65314;_&#12415;&#12385;&#12367;&#12373;&#12521;&#12508;_&#12516;&#12462;&#12392;&#22320;&#29699;&#12398;&#65331;&#65316;&#65319;s&#22823;&#20316;&#25126;\&#65288;&#30906;&#23450;&#65289;&#35611;&#24107;&#24540;&#21215;&#29992;&#32025;_&#12405;&#12428;&#12354;&#12387;&#12390;&#23398;&#12406;&#65281;&#12516;&#12462;&#12392;&#22320;&#29699;&#12398;SDGs&#22823;&#20316;&#25126;_&#12415;&#12385;&#12367;&#12373;&#12521;&#12508;20260210%20-%20&#12467;&#12500;&#12540;.xlsx" TargetMode="External"/><Relationship Id="rId1" Type="http://schemas.openxmlformats.org/officeDocument/2006/relationships/externalLinkPath" Target="file:///\\kfs01\s0523\01_&#29872;&#22659;&#35336;&#30011;&#12464;&#12523;&#12540;&#12503;&#65288;&#24193;&#22806;&#21487;&#65289;\13_&#29872;&#22659;&#25945;&#32946;&#12539;&#29872;&#22659;&#23398;&#32722;\01_&#29872;&#22659;&#25945;&#32946;\01_&#23398;&#26657;&#27966;&#36963;&#20107;&#26989;\03_R&#65304;&#35611;&#24107;&#24540;&#21215;\02_&#35611;&#24107;&#24540;&#21215;\02_&#30906;&#23450;&#29256;\&#9733;&#9733;&#9733;02_01_0210_&#65314;_&#12415;&#12385;&#12367;&#12373;&#12521;&#12508;_&#12516;&#12462;&#12392;&#22320;&#29699;&#12398;&#65331;&#65316;&#65319;s&#22823;&#20316;&#25126;\&#65288;&#30906;&#23450;&#65289;&#35611;&#24107;&#24540;&#21215;&#29992;&#32025;_&#12405;&#12428;&#12354;&#12387;&#12390;&#23398;&#12406;&#65281;&#12516;&#12462;&#12392;&#22320;&#29699;&#12398;SDGs&#22823;&#20316;&#25126;_&#12415;&#12385;&#12367;&#12373;&#12521;&#12508;20260210%20-%20&#12467;&#12500;&#1254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一覧"/>
      <sheetName val="照会回答メモ"/>
      <sheetName val="照会回答メモ印刷用"/>
      <sheetName val="Sheet2"/>
      <sheetName val="特殊勤務手当の計算"/>
      <sheetName val="特勤C"/>
      <sheetName val="件数"/>
      <sheetName val="URL"/>
      <sheetName val="整理"/>
      <sheetName val="照会・確認"/>
      <sheetName val="memo"/>
      <sheetName val="特勤整理簿"/>
      <sheetName val="新幹線利用について"/>
      <sheetName val="横浜　小中一貫校について"/>
      <sheetName val="特勤について１"/>
      <sheetName val="横浜市小中一貫校の特勤に関する記録"/>
      <sheetName val="特勤について２"/>
      <sheetName val="学校教育団体・教育研究団体"/>
      <sheetName val="特勤規則の運用"/>
    </sheetNames>
    <sheetDataSet>
      <sheetData sheetId="0"/>
      <sheetData sheetId="1"/>
      <sheetData sheetId="2"/>
      <sheetData sheetId="3"/>
      <sheetData sheetId="4"/>
      <sheetData sheetId="5">
        <row r="3">
          <cell r="AI3">
            <v>121</v>
          </cell>
        </row>
        <row r="4">
          <cell r="AI4">
            <v>122</v>
          </cell>
        </row>
        <row r="5">
          <cell r="AI5">
            <v>123</v>
          </cell>
        </row>
        <row r="6">
          <cell r="AI6">
            <v>124</v>
          </cell>
        </row>
        <row r="7">
          <cell r="AI7">
            <v>125</v>
          </cell>
        </row>
        <row r="8">
          <cell r="AI8">
            <v>126</v>
          </cell>
        </row>
        <row r="9">
          <cell r="AI9">
            <v>127</v>
          </cell>
        </row>
        <row r="10">
          <cell r="AI10">
            <v>128</v>
          </cell>
        </row>
        <row r="11">
          <cell r="AI11">
            <v>129</v>
          </cell>
        </row>
        <row r="12">
          <cell r="AI12">
            <v>131</v>
          </cell>
        </row>
        <row r="13">
          <cell r="AI13">
            <v>132</v>
          </cell>
        </row>
        <row r="14">
          <cell r="AI14">
            <v>133</v>
          </cell>
        </row>
        <row r="15">
          <cell r="AI15">
            <v>135</v>
          </cell>
        </row>
        <row r="16">
          <cell r="AI16">
            <v>136</v>
          </cell>
        </row>
        <row r="17">
          <cell r="AI17">
            <v>134</v>
          </cell>
        </row>
      </sheetData>
      <sheetData sheetId="6">
        <row r="1">
          <cell r="D1" t="str">
            <v>旅費</v>
          </cell>
          <cell r="E1" t="str">
            <v>特勤</v>
          </cell>
          <cell r="F1" t="str">
            <v>雇用保険</v>
          </cell>
          <cell r="G1" t="str">
            <v>C3</v>
          </cell>
          <cell r="H1" t="str">
            <v>給与報告</v>
          </cell>
          <cell r="I1" t="str">
            <v>その他</v>
          </cell>
        </row>
      </sheetData>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一覧"/>
      <sheetName val="歳出予算依頼票"/>
      <sheetName val="歳出予算依頼票データ"/>
      <sheetName val="総務室執行管理表関連【計算】"/>
      <sheetName val="平成29年度予算"/>
      <sheetName val="平成29年度執行状況"/>
      <sheetName val="支出負担行為・支出"/>
      <sheetName val="平成29年度講師情報"/>
      <sheetName val="平成29年度講師別実施校数"/>
      <sheetName val="平成29年度実施校決定・仕様書管理"/>
      <sheetName val="H29バナー広告用データ"/>
      <sheetName val="平成29年度選定結果【テーマ別】"/>
      <sheetName val="アンケート入力"/>
      <sheetName val="申込授業一覧"/>
      <sheetName val="アンケ結果データ"/>
      <sheetName val="授業別実施結果"/>
      <sheetName val="アンケート送付用データ【学校】"/>
      <sheetName val="アンケート未回答データ"/>
      <sheetName val="【2904】授業一覧表紙"/>
      <sheetName val="【H2904】授業一覧"/>
      <sheetName val="2904募集応募一覧"/>
      <sheetName val="４月募集実施校決定"/>
      <sheetName val="講師一覧【４月募集希望校募集】"/>
      <sheetName val="2904-【案の２】施行方法等"/>
      <sheetName val="2904-【案の３・４】施行先"/>
      <sheetName val="H2904授業一覧【希望校募集】※一部修正"/>
      <sheetName val="【2907】平成29年度講師情報 "/>
      <sheetName val="【2907】授業一覧表紙"/>
      <sheetName val="【2907】授業一覧 "/>
      <sheetName val="各学校等への施行方法"/>
      <sheetName val="【2907】実施希望校・決定校"/>
      <sheetName val="講師一覧【追加募集希望校募集】 "/>
      <sheetName val="学校あて追加募集結果通知の施行"/>
      <sheetName val="募集結果講師あて施行文【追加募集】"/>
      <sheetName val="【2911】平成29年度講師情報"/>
      <sheetName val="【2911】随時募集授業一覧表紙 "/>
      <sheetName val="【2911】随時募集授業一覧 "/>
      <sheetName val="【2911】実施希望校・決定校"/>
      <sheetName val="配付先学校一覧"/>
      <sheetName val="学校数"/>
      <sheetName val="【参考】学習指導要領"/>
      <sheetName val="照会・回答"/>
      <sheetName val="2908ボランタリー団体等と関わりのある取組に関する調査"/>
      <sheetName val="2908経済活性化・産業政策特別委員会報告資料調査"/>
      <sheetName val="29９月定での温対計画の報告資料"/>
      <sheetName val="データ"/>
      <sheetName val="00-0_H29年度学校派遣事業"/>
    </sheetNames>
    <sheetDataSet>
      <sheetData sheetId="0"/>
      <sheetData sheetId="1"/>
      <sheetData sheetId="2">
        <row r="2">
          <cell r="B2" t="str">
            <v>川崎市立小倉小学校-４月募集（川崎市地球温暖化防止活動推進センター）</v>
          </cell>
        </row>
        <row r="3">
          <cell r="B3" t="str">
            <v>小田原市立大窪小学校-４月募集（ＮＰＯ法人　ソフトエネルギープロジェクト）</v>
          </cell>
        </row>
        <row r="4">
          <cell r="B4" t="str">
            <v>相模原市立並木小学校-４月募集（富士通株式会社）</v>
          </cell>
        </row>
        <row r="5">
          <cell r="B5" t="str">
            <v>逗子市立逗子小学校-４月募集（神奈川県地球温暖化防止活動推進員　環境学習支援チーム）</v>
          </cell>
        </row>
        <row r="6">
          <cell r="B6" t="str">
            <v>横浜市立あざみ野第二小学校-４月募集（ＮＰＯ法人　こども自然公園どろんこクラブ）</v>
          </cell>
        </row>
        <row r="7">
          <cell r="B7" t="str">
            <v>川崎市立南加瀬小学校-４月募集（ＮＰＯ法人　神奈川県環境学習リーダー会）</v>
          </cell>
        </row>
        <row r="8">
          <cell r="B8" t="str">
            <v>葉山町立上山口小学校-４月募集（ＮＰＯ法人　アース・エコ）</v>
          </cell>
        </row>
        <row r="9">
          <cell r="B9" t="str">
            <v>県立保土ヶ谷養護学校　横浜平沼分教室-４月募集（ＮＰＯ法人　シニアボランティア経験を活かす会）</v>
          </cell>
        </row>
        <row r="10">
          <cell r="B10" t="str">
            <v>大和市立大和東小学校-４月募集（ＭＩＺＵＢＥ探検隊）</v>
          </cell>
        </row>
        <row r="11">
          <cell r="B11" t="str">
            <v>横浜市立名瀬小学校-４月募集（ＮＰＯ法人　全国森林インストラクター神奈川会）</v>
          </cell>
        </row>
        <row r="12">
          <cell r="B12" t="str">
            <v>横浜市立田奈小学校-４月募集（ＮＰＯ法人　アース・エコ）</v>
          </cell>
        </row>
        <row r="13">
          <cell r="B13" t="str">
            <v>横浜市立すみれが丘小学校-４月募集（味の素株式会社）</v>
          </cell>
        </row>
        <row r="14">
          <cell r="B14" t="str">
            <v>法政大学第二高校-４月募集（ＮＰＯ法人　横浜ＬＣＡ環境教育研究会）</v>
          </cell>
        </row>
        <row r="15">
          <cell r="B15" t="str">
            <v>県立横須賀高等学校（定時制）-４月募集（ＮＰＯ法人　ソフトエネルギープロジェクト）</v>
          </cell>
        </row>
        <row r="16">
          <cell r="B16" t="str">
            <v>川崎市立藤崎小学校-４月募集（ＮＰＯ法人　かながわ森林インストラクターの会）</v>
          </cell>
        </row>
        <row r="17">
          <cell r="B17" t="str">
            <v>横浜市立南瀬谷小学校-４月募集（ＮＰＯ法人　全国森林インストラクター神奈川会）</v>
          </cell>
        </row>
        <row r="18">
          <cell r="B18" t="str">
            <v>県立湘南養護学校-４月募集（ＮＰＯ法人　かながわ環境カウンセラー協議会）</v>
          </cell>
        </row>
        <row r="19">
          <cell r="B19" t="str">
            <v>平塚市立山下小学校-４月募集（ＮＰＯ法人　ソフトエネルギープロジェクト）</v>
          </cell>
        </row>
        <row r="20">
          <cell r="B20" t="str">
            <v>横浜国立大学教育学部附属鎌倉小学校-４月募集（ＮＰＯ法人　ソフトエネルギープロジェクト）</v>
          </cell>
        </row>
        <row r="21">
          <cell r="B21" t="str">
            <v>県立向の岡工業高等学校（定時制・総合学科）-４月募集（塩ビ工業・環境協会）</v>
          </cell>
        </row>
        <row r="22">
          <cell r="B22" t="str">
            <v>厚木市立相川小学校-４月募集（ＮＰＯ法人　こども自然公園どろんこクラブ）</v>
          </cell>
        </row>
        <row r="23">
          <cell r="B23" t="str">
            <v>横須賀市立大矢部小学校-４月募集（生活協同組合パルシステム神奈川ゆめコープ）</v>
          </cell>
        </row>
        <row r="24">
          <cell r="B24" t="str">
            <v>川崎市立野川小学校-４月募集（ＮＰＯ法人　アース・エコ）</v>
          </cell>
        </row>
        <row r="25">
          <cell r="B25" t="str">
            <v>横浜市立いずみ野小学校-４月募集（味の素株式会社）</v>
          </cell>
        </row>
        <row r="26">
          <cell r="B26" t="str">
            <v>厚木市立小鮎小学校-４月募集（株式会社ＨＧＳＴジャパン）</v>
          </cell>
        </row>
        <row r="27">
          <cell r="B27" t="str">
            <v>横浜市立星川小学校-４月募集（ＭＩＺＵＢＥ探検隊）</v>
          </cell>
        </row>
        <row r="28">
          <cell r="B28" t="str">
            <v>県立伊勢原養護学校-４月募集（ＮＰＯ法人　ソフトエネルギープロジェクト）</v>
          </cell>
        </row>
        <row r="29">
          <cell r="B29" t="str">
            <v>県立海老名高等学校-４月募集（ＮＰＯ法人　ソフトエネルギープロジェクト）</v>
          </cell>
        </row>
        <row r="30">
          <cell r="B30" t="str">
            <v>綾瀬市立北の台小学校-４月募集（ＮＰＯ法人　ふるさと環境市民）</v>
          </cell>
        </row>
        <row r="31">
          <cell r="B31" t="str">
            <v>横浜国立大学教育学部附属横浜小学校-４月募集（生活協同組合パルシステム神奈川ゆめコープ）</v>
          </cell>
        </row>
        <row r="32">
          <cell r="B32" t="str">
            <v>三浦市立旭小学校-４月募集（ＮＰＯ法人　ソフトエネルギープロジェクト）</v>
          </cell>
        </row>
        <row r="33">
          <cell r="B33" t="str">
            <v>横浜市立不動丸小学校-追加募集（ＮＰＯ法人　こども自然公園どろんこクラブ）</v>
          </cell>
        </row>
        <row r="34">
          <cell r="B34" t="str">
            <v>相模原市立若草小学校-追加募集（ＮＰＯ法人　アース・エコ）</v>
          </cell>
        </row>
        <row r="35">
          <cell r="B35" t="str">
            <v>横浜市立星川小学校-追加募集（ＭＩＺＵＢＥ探検隊）</v>
          </cell>
        </row>
        <row r="36">
          <cell r="B36" t="str">
            <v>大和市立西鶴間小学校-追加募集（ＮＰＯ法人　アース・エコ）</v>
          </cell>
        </row>
        <row r="37">
          <cell r="B37" t="str">
            <v>三浦市立南下浦小学校-追加募集（ＭＩＺＵＢＥ探検隊）</v>
          </cell>
        </row>
        <row r="38">
          <cell r="B38" t="str">
            <v>横浜市立黒須田小学校-追加募集（ＮＰＯ法人　神奈川県環境学習リーダー会）</v>
          </cell>
        </row>
        <row r="39">
          <cell r="B39" t="str">
            <v>小田原市立千代小学校-追加募集（ＭＩＺＵＢＥ探検隊）</v>
          </cell>
        </row>
        <row r="40">
          <cell r="B40" t="str">
            <v>横浜市立長津田第二小学校-４月募集（ＮＰＯ法人　アース・エコ）</v>
          </cell>
        </row>
        <row r="41">
          <cell r="B41" t="str">
            <v>海老名市立杉本小学校-追加募集（神奈川県地球温暖化防止活動推進員　環境学習支援チーム）</v>
          </cell>
        </row>
        <row r="42">
          <cell r="B42" t="str">
            <v>相模原市立広陵小学校-４月募集（ＮＰＯ法人　かながわ環境カウンセラー協議会）</v>
          </cell>
        </row>
        <row r="43">
          <cell r="B43" t="str">
            <v>県立高津養護学校　生田東分教室-４月募集（管路管理総合研究所）</v>
          </cell>
        </row>
        <row r="44">
          <cell r="B44" t="str">
            <v>茅ヶ崎市立小和田小学校-追加募集（ＮＰＯ法人　かながわ環境カウンセラー協議会）</v>
          </cell>
        </row>
        <row r="45">
          <cell r="B45" t="str">
            <v>綾瀬市立綾西小学校-追加募集（ＮＰＯ法人　ふるさと環境市民）</v>
          </cell>
        </row>
        <row r="46">
          <cell r="B46" t="str">
            <v>川崎市立百合丘小学校-４月募集（ＮＰＯ法人　神奈川県環境学習リーダー会）</v>
          </cell>
        </row>
        <row r="47">
          <cell r="B47" t="str">
            <v>横浜市立鳥が丘小学校-４月募集（ＮＰＯ法人　全国森林インストラクター神奈川会）</v>
          </cell>
        </row>
        <row r="48">
          <cell r="B48" t="str">
            <v>横浜市立あざみ野第一小学校-追加募集（ＮＰＯ法人　こども自然公園どろんこクラブ）</v>
          </cell>
        </row>
        <row r="49">
          <cell r="B49" t="str">
            <v>伊勢原市立大田小学校-４月募集（生活協同組合パルシステム神奈川ゆめコープ）</v>
          </cell>
        </row>
        <row r="50">
          <cell r="B50" t="str">
            <v>海老名市立海老名小学校-追加募集（ＮＰＯ法人　神奈川県環境学習リーダー会）</v>
          </cell>
        </row>
        <row r="51">
          <cell r="B51" t="str">
            <v>県立瀬谷養護学校　大和東分教室-追加募集（ＮＰＯ法人　ソフトエネルギープロジェクト）</v>
          </cell>
        </row>
        <row r="52">
          <cell r="B52" t="str">
            <v>横浜市立義務教育学校　霧が丘学園-追加募集（ＮＰＯ法人　かながわ環境カウンセラー協議会）</v>
          </cell>
        </row>
        <row r="53">
          <cell r="B53" t="str">
            <v>川崎市立西生田小学校-４月募集（一般社団法人　プラスチック循環利用協会）</v>
          </cell>
        </row>
        <row r="54">
          <cell r="B54" t="str">
            <v>葉山町立一色小学校-４月募集（ＮＰＯ法人　アース・エコ）</v>
          </cell>
        </row>
        <row r="55">
          <cell r="B55" t="str">
            <v>相模原市立星が丘小学校-追加募集（株式会社岡村製作所）</v>
          </cell>
        </row>
        <row r="56">
          <cell r="B56" t="str">
            <v>平塚市立みずほ小学校-４月募集（ＮＰＯ法人　神奈川県環境学習リーダー会）</v>
          </cell>
        </row>
        <row r="57">
          <cell r="B57" t="str">
            <v>横浜市立南本宿小学校-追加募集（ＭＩＺＵＢＥ探検隊）</v>
          </cell>
        </row>
        <row r="58">
          <cell r="B58" t="str">
            <v>三浦市立三崎小学校-追加募集（ＮＰＯ法人　シニアボランティア経験を活かす会）</v>
          </cell>
        </row>
        <row r="59">
          <cell r="B59" t="str">
            <v>県立津久井高等学校-追加募集（ＮＰＯ法人　ソフトエネルギープロジェクト）</v>
          </cell>
        </row>
        <row r="60">
          <cell r="B60" t="str">
            <v>三浦市立初声小学校-追加募集（サントリーホールディングス株式会社）</v>
          </cell>
        </row>
        <row r="61">
          <cell r="B61" t="str">
            <v>横浜市立平戸小学校-４月募集（ＮＰＯ法人　全国森林インストラクター神奈川会）</v>
          </cell>
        </row>
        <row r="62">
          <cell r="B62" t="str">
            <v>横浜市立東品濃小学校-４月募集（ＮＰＯ法人　全国森林インストラクター神奈川会）</v>
          </cell>
        </row>
        <row r="63">
          <cell r="B63" t="str">
            <v>県立相模原中央支援学校-４月募集（株式会社ＪＶＣケンウッド）</v>
          </cell>
        </row>
        <row r="64">
          <cell r="B64" t="str">
            <v>県立平塚江南高等学校-４月募集（ＮＰＯ法人　横浜ＬＣＡ環境教育研究会）</v>
          </cell>
        </row>
        <row r="65">
          <cell r="B65" t="str">
            <v>県立神奈川工業高等学校-４月募集（ＮＰＯ法人　シニアボランティア経験を活かす会）</v>
          </cell>
        </row>
        <row r="66">
          <cell r="B66" t="str">
            <v>相模原市立串川小学校-追加募集（ＮＰＯ法人　ふるさと環境市民）</v>
          </cell>
        </row>
        <row r="67">
          <cell r="B67" t="str">
            <v>川崎市立犬蔵小学校-４月募集（味の素株式会社）</v>
          </cell>
        </row>
        <row r="68">
          <cell r="B68" t="str">
            <v>大和市立深見小学校-４月募集（株式会社カネダ）</v>
          </cell>
        </row>
        <row r="69">
          <cell r="B69" t="str">
            <v>大磯町立国府小学校-４月募集（ＮＰＯ法人　ソフトエネルギープロジェクト）</v>
          </cell>
        </row>
        <row r="70">
          <cell r="B70" t="str">
            <v>横浜国立大学教育学部附属鎌倉小学校-追加募集（ＮＰＯ法人　野生動物救護獣医師協会神奈川支部）</v>
          </cell>
        </row>
        <row r="71">
          <cell r="B71" t="str">
            <v>横浜市立相沢小学校-追加募集（横浜温暖化防止推進員会議）</v>
          </cell>
        </row>
        <row r="72">
          <cell r="B72" t="str">
            <v>県立藤沢工科高等学校-４月募集（東洋製罐株式会社）</v>
          </cell>
        </row>
        <row r="73">
          <cell r="B73" t="str">
            <v>県立保土ヶ谷養護学校-追加募集（ＮＰＯ法人　ソフトエネルギープロジェクト）</v>
          </cell>
        </row>
        <row r="74">
          <cell r="B74" t="str">
            <v>県立上溝南高等学校-追加募集（神奈川県地球温暖化防止活動推進員　環境学習支援チーム）</v>
          </cell>
        </row>
        <row r="75">
          <cell r="B75" t="str">
            <v>相模原市立谷口台小学校-４月募集（ＮＰＯ法人　アース・エコ）</v>
          </cell>
        </row>
        <row r="76">
          <cell r="B76" t="str">
            <v>葉山町立長柄小学校-４月募集（ＮＰＯ法人　アース・エコ）</v>
          </cell>
        </row>
        <row r="77">
          <cell r="B77" t="str">
            <v>大和市立鶴間中学校-４月募集（株式会社日清製粉グループ本社）</v>
          </cell>
        </row>
        <row r="78">
          <cell r="B78" t="str">
            <v>神奈川学園中学校・高等学校-４月募集（ＮＰＯ法人　横浜ＬＣＡ環境教育研究会）</v>
          </cell>
        </row>
        <row r="79">
          <cell r="B79" t="str">
            <v>小田原市立下中小学校-４月募集（株式会社ＨＧＳＴジャパン）</v>
          </cell>
        </row>
        <row r="80">
          <cell r="B80" t="str">
            <v>南足柄市立向田小学校-４月募集（ＮＰＯ法人　シニアボランティア経験を活かす会）</v>
          </cell>
        </row>
        <row r="81">
          <cell r="B81" t="str">
            <v>平塚市立横内小学校-追加募集（ＮＰＯ法人　かながわ森林インストラクターの会）</v>
          </cell>
        </row>
        <row r="82">
          <cell r="B82" t="str">
            <v>横浜市立城郷小学校-４月募集（富士通株式会社）</v>
          </cell>
        </row>
        <row r="83">
          <cell r="B83" t="str">
            <v>横須賀市立養護学校-４月募集（ＮＰＯ法人　神奈川県環境学習リーダー会）</v>
          </cell>
        </row>
        <row r="84">
          <cell r="B84" t="str">
            <v>鎌倉市立第二小学校-４月募集（公益財団法人　日本環境協会）</v>
          </cell>
        </row>
        <row r="85">
          <cell r="B85" t="str">
            <v>葉山町立葉山小学校-４月募集（ＮＰＯ法人　アース・エコ）</v>
          </cell>
        </row>
        <row r="86">
          <cell r="B86" t="str">
            <v>捜真小学校-４月募集（ＮＰＯ法人　かながわ環境カウンセラー協議会）</v>
          </cell>
        </row>
        <row r="87">
          <cell r="B87" t="str">
            <v>逗子市立久木中学校-追加募集（ずしし環境会議　二酸化炭素削減部会）</v>
          </cell>
        </row>
        <row r="88">
          <cell r="B88" t="str">
            <v>厚木市立妻田小学校-４月募集（公益財団法人　日本環境協会）</v>
          </cell>
        </row>
        <row r="89">
          <cell r="B89" t="str">
            <v>逗子市立久木中学校-４月募集（ずしし環境会議　二酸化炭素削減部会）</v>
          </cell>
        </row>
        <row r="90">
          <cell r="B90" t="str">
            <v>県立吉田島高等学校-４月募集（ＮＰＯ法人　ソフトエネルギープロジェクト）</v>
          </cell>
        </row>
        <row r="91">
          <cell r="B91" t="str">
            <v>0-0（0）</v>
          </cell>
        </row>
        <row r="92">
          <cell r="B92" t="str">
            <v>0-0（0）</v>
          </cell>
        </row>
        <row r="93">
          <cell r="B93" t="str">
            <v>0-0（0）</v>
          </cell>
        </row>
        <row r="94">
          <cell r="B94" t="str">
            <v>0-0（0）</v>
          </cell>
        </row>
        <row r="95">
          <cell r="B95" t="str">
            <v>0-0（0）</v>
          </cell>
        </row>
        <row r="96">
          <cell r="B96" t="str">
            <v>0-0（0）</v>
          </cell>
        </row>
        <row r="97">
          <cell r="B97" t="str">
            <v>0-0（0）</v>
          </cell>
        </row>
        <row r="98">
          <cell r="B98" t="str">
            <v>0-0（0）</v>
          </cell>
        </row>
        <row r="99">
          <cell r="B99" t="str">
            <v>0-0（0）</v>
          </cell>
        </row>
        <row r="100">
          <cell r="B100" t="str">
            <v>0-0（0）</v>
          </cell>
        </row>
        <row r="101">
          <cell r="B101" t="str">
            <v>0-0（0）</v>
          </cell>
        </row>
        <row r="102">
          <cell r="B102" t="e">
            <v>#REF!</v>
          </cell>
        </row>
        <row r="103">
          <cell r="B103" t="e">
            <v>#REF!</v>
          </cell>
        </row>
        <row r="104">
          <cell r="B104" t="e">
            <v>#REF!</v>
          </cell>
        </row>
        <row r="105">
          <cell r="B105" t="e">
            <v>#REF!</v>
          </cell>
        </row>
        <row r="106">
          <cell r="B106" t="e">
            <v>#REF!</v>
          </cell>
        </row>
        <row r="107">
          <cell r="B107" t="e">
            <v>#REF!</v>
          </cell>
        </row>
        <row r="108">
          <cell r="B108" t="e">
            <v>#REF!</v>
          </cell>
        </row>
        <row r="109">
          <cell r="B109" t="e">
            <v>#REF!</v>
          </cell>
        </row>
        <row r="110">
          <cell r="B110" t="e">
            <v>#REF!</v>
          </cell>
        </row>
        <row r="111">
          <cell r="B111" t="e">
            <v>#REF!</v>
          </cell>
        </row>
        <row r="112">
          <cell r="B112" t="e">
            <v>#REF!</v>
          </cell>
        </row>
        <row r="113">
          <cell r="B113" t="e">
            <v>#REF!</v>
          </cell>
        </row>
        <row r="114">
          <cell r="B114" t="e">
            <v>#REF!</v>
          </cell>
        </row>
        <row r="115">
          <cell r="B115" t="e">
            <v>#REF!</v>
          </cell>
        </row>
        <row r="116">
          <cell r="B116" t="e">
            <v>#REF!</v>
          </cell>
        </row>
        <row r="117">
          <cell r="B117" t="e">
            <v>#REF!</v>
          </cell>
        </row>
        <row r="118">
          <cell r="B118" t="e">
            <v>#REF!</v>
          </cell>
        </row>
        <row r="119">
          <cell r="B119" t="e">
            <v>#REF!</v>
          </cell>
        </row>
        <row r="120">
          <cell r="B120" t="e">
            <v>#REF!</v>
          </cell>
        </row>
        <row r="121">
          <cell r="B121" t="e">
            <v>#REF!</v>
          </cell>
        </row>
        <row r="122">
          <cell r="B122" t="e">
            <v>#REF!</v>
          </cell>
        </row>
        <row r="123">
          <cell r="B123" t="e">
            <v>#REF!</v>
          </cell>
        </row>
        <row r="124">
          <cell r="B124" t="e">
            <v>#REF!</v>
          </cell>
        </row>
        <row r="125">
          <cell r="B125" t="e">
            <v>#REF!</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row r="2">
          <cell r="B2" t="str">
            <v>県立</v>
          </cell>
          <cell r="C2" t="str">
            <v>小学校</v>
          </cell>
          <cell r="D2" t="str">
            <v>横浜市</v>
          </cell>
        </row>
        <row r="3">
          <cell r="B3" t="str">
            <v>横浜市</v>
          </cell>
          <cell r="C3" t="str">
            <v>義務教育学校</v>
          </cell>
          <cell r="D3" t="str">
            <v>川崎市</v>
          </cell>
        </row>
        <row r="4">
          <cell r="B4" t="str">
            <v>川崎市</v>
          </cell>
          <cell r="C4" t="str">
            <v>中学校</v>
          </cell>
          <cell r="D4" t="str">
            <v>相模原市</v>
          </cell>
        </row>
        <row r="5">
          <cell r="B5" t="str">
            <v>相模原市</v>
          </cell>
          <cell r="C5" t="str">
            <v>高校</v>
          </cell>
          <cell r="D5" t="str">
            <v>横須賀市</v>
          </cell>
        </row>
        <row r="6">
          <cell r="B6" t="str">
            <v>横須賀市</v>
          </cell>
          <cell r="C6" t="str">
            <v>中等教育学校</v>
          </cell>
          <cell r="D6" t="str">
            <v>平塚市</v>
          </cell>
        </row>
        <row r="7">
          <cell r="B7" t="str">
            <v>平塚市</v>
          </cell>
          <cell r="C7" t="str">
            <v>特別支援学校</v>
          </cell>
          <cell r="D7" t="str">
            <v>鎌倉市</v>
          </cell>
        </row>
        <row r="8">
          <cell r="B8" t="str">
            <v>鎌倉市</v>
          </cell>
          <cell r="D8" t="str">
            <v>藤沢市</v>
          </cell>
        </row>
        <row r="9">
          <cell r="B9" t="str">
            <v>藤沢市</v>
          </cell>
          <cell r="D9" t="str">
            <v>小田原市</v>
          </cell>
        </row>
        <row r="10">
          <cell r="B10" t="str">
            <v>小田原市</v>
          </cell>
          <cell r="D10" t="str">
            <v>茅ヶ崎市</v>
          </cell>
        </row>
        <row r="11">
          <cell r="B11" t="str">
            <v>茅ヶ崎市</v>
          </cell>
          <cell r="D11" t="str">
            <v>逗子市</v>
          </cell>
        </row>
        <row r="12">
          <cell r="B12" t="str">
            <v>逗子市</v>
          </cell>
          <cell r="D12" t="str">
            <v>三浦市</v>
          </cell>
        </row>
        <row r="13">
          <cell r="B13" t="str">
            <v>三浦市</v>
          </cell>
          <cell r="D13" t="str">
            <v>秦野市</v>
          </cell>
        </row>
        <row r="14">
          <cell r="B14" t="str">
            <v>秦野市</v>
          </cell>
          <cell r="D14" t="str">
            <v>厚木市</v>
          </cell>
        </row>
        <row r="15">
          <cell r="B15" t="str">
            <v>厚木市</v>
          </cell>
          <cell r="D15" t="str">
            <v>大和市</v>
          </cell>
        </row>
        <row r="16">
          <cell r="B16" t="str">
            <v>大和市</v>
          </cell>
          <cell r="D16" t="str">
            <v>伊勢原市</v>
          </cell>
        </row>
        <row r="17">
          <cell r="B17" t="str">
            <v>伊勢原市</v>
          </cell>
          <cell r="D17" t="str">
            <v>海老名市</v>
          </cell>
        </row>
        <row r="18">
          <cell r="B18" t="str">
            <v>海老名市</v>
          </cell>
          <cell r="D18" t="str">
            <v>座間市</v>
          </cell>
        </row>
        <row r="19">
          <cell r="B19" t="str">
            <v>座間市</v>
          </cell>
          <cell r="D19" t="str">
            <v>南足柄市</v>
          </cell>
        </row>
        <row r="20">
          <cell r="B20" t="str">
            <v>南足柄市</v>
          </cell>
          <cell r="D20" t="str">
            <v>綾瀬市</v>
          </cell>
        </row>
        <row r="21">
          <cell r="B21" t="str">
            <v>綾瀬市</v>
          </cell>
          <cell r="D21" t="str">
            <v>葉山町</v>
          </cell>
        </row>
        <row r="22">
          <cell r="B22" t="str">
            <v>葉山町</v>
          </cell>
          <cell r="D22" t="str">
            <v>寒川町</v>
          </cell>
        </row>
        <row r="23">
          <cell r="B23" t="str">
            <v>寒川町</v>
          </cell>
          <cell r="D23" t="str">
            <v>大磯町</v>
          </cell>
        </row>
        <row r="24">
          <cell r="B24" t="str">
            <v>大磯町</v>
          </cell>
          <cell r="D24" t="str">
            <v>二宮町</v>
          </cell>
        </row>
        <row r="25">
          <cell r="B25" t="str">
            <v>二宮町</v>
          </cell>
          <cell r="D25" t="str">
            <v>中井町</v>
          </cell>
        </row>
        <row r="26">
          <cell r="B26" t="str">
            <v>中井町</v>
          </cell>
          <cell r="D26" t="str">
            <v>大井町</v>
          </cell>
        </row>
        <row r="27">
          <cell r="B27" t="str">
            <v>大井町</v>
          </cell>
          <cell r="D27" t="str">
            <v>松田町</v>
          </cell>
        </row>
        <row r="28">
          <cell r="B28" t="str">
            <v>松田町</v>
          </cell>
          <cell r="D28" t="str">
            <v>山北町</v>
          </cell>
        </row>
        <row r="29">
          <cell r="B29" t="str">
            <v>山北町</v>
          </cell>
          <cell r="D29" t="str">
            <v>開成町</v>
          </cell>
        </row>
        <row r="30">
          <cell r="B30" t="str">
            <v>開成町</v>
          </cell>
          <cell r="D30" t="str">
            <v>箱根町</v>
          </cell>
        </row>
        <row r="31">
          <cell r="B31" t="str">
            <v>箱根町</v>
          </cell>
          <cell r="D31" t="str">
            <v>真鶴町</v>
          </cell>
        </row>
        <row r="32">
          <cell r="B32" t="str">
            <v>真鶴町</v>
          </cell>
          <cell r="D32" t="str">
            <v>湯河原町</v>
          </cell>
        </row>
        <row r="33">
          <cell r="B33" t="str">
            <v>湯河原町</v>
          </cell>
          <cell r="D33" t="str">
            <v>愛川町</v>
          </cell>
        </row>
        <row r="34">
          <cell r="B34" t="str">
            <v>愛川町</v>
          </cell>
          <cell r="D34" t="str">
            <v>清川村</v>
          </cell>
        </row>
        <row r="35">
          <cell r="B35" t="str">
            <v>清川村</v>
          </cell>
        </row>
        <row r="36">
          <cell r="B36" t="str">
            <v>国立</v>
          </cell>
        </row>
        <row r="37">
          <cell r="B37" t="str">
            <v>私立</v>
          </cell>
        </row>
      </sheetData>
      <sheetData sheetId="46"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１講師情報"/>
      <sheetName val="２授業情報"/>
      <sheetName val="１の記載例"/>
      <sheetName val="２の記載例"/>
      <sheetName val="一覧整理用"/>
      <sheetName val="データ"/>
    </sheetNames>
    <sheetDataSet>
      <sheetData sheetId="0">
        <row r="1">
          <cell r="C1" t="str">
            <v>B</v>
          </cell>
        </row>
        <row r="3">
          <cell r="C3" t="str">
            <v>ふれあって学ぶ！ヤギと地球のSDGs大作戦</v>
          </cell>
        </row>
        <row r="4">
          <cell r="C4" t="str">
            <v>廃棄物・資源循環</v>
          </cell>
        </row>
        <row r="7">
          <cell r="C7" t="str">
            <v>ＮＰＯ法人等</v>
          </cell>
        </row>
        <row r="9">
          <cell r="C9" t="str">
            <v>みちくさラボ</v>
          </cell>
        </row>
      </sheetData>
      <sheetData sheetId="1">
        <row r="8">
          <cell r="B8" t="str">
            <v>○</v>
          </cell>
          <cell r="C8" t="str">
            <v>○</v>
          </cell>
          <cell r="D8" t="str">
            <v>○</v>
          </cell>
          <cell r="E8" t="str">
            <v>○</v>
          </cell>
          <cell r="F8" t="str">
            <v>○</v>
          </cell>
          <cell r="G8" t="str">
            <v>○</v>
          </cell>
          <cell r="H8" t="str">
            <v>○</v>
          </cell>
          <cell r="I8" t="str">
            <v>○</v>
          </cell>
          <cell r="J8" t="str">
            <v>○</v>
          </cell>
          <cell r="K8" t="str">
            <v>○</v>
          </cell>
          <cell r="L8" t="str">
            <v>○</v>
          </cell>
          <cell r="M8" t="str">
            <v>○</v>
          </cell>
          <cell r="N8" t="str">
            <v>○</v>
          </cell>
          <cell r="O8" t="str">
            <v>○</v>
          </cell>
          <cell r="P8" t="str">
            <v>○</v>
          </cell>
          <cell r="R8" t="str">
            <v>○</v>
          </cell>
          <cell r="S8" t="str">
            <v>○</v>
          </cell>
          <cell r="U8" t="str">
            <v>○</v>
          </cell>
          <cell r="X8" t="str">
            <v>相談</v>
          </cell>
        </row>
      </sheetData>
      <sheetData sheetId="2" refreshError="1"/>
      <sheetData sheetId="3" refreshError="1"/>
      <sheetData sheetId="4" refreshError="1"/>
      <sheetData sheetId="5"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AG87"/>
  <sheetViews>
    <sheetView showZeros="0" tabSelected="1" zoomScale="75" zoomScaleNormal="75" workbookViewId="0">
      <pane xSplit="5" ySplit="3" topLeftCell="F48" activePane="bottomRight" state="frozen"/>
      <selection pane="topRight" activeCell="G1" sqref="G1"/>
      <selection pane="bottomLeft" activeCell="A4" sqref="A4"/>
      <selection pane="bottomRight" activeCell="F1" sqref="F1"/>
    </sheetView>
  </sheetViews>
  <sheetFormatPr defaultColWidth="6.75" defaultRowHeight="13.5" x14ac:dyDescent="0.15"/>
  <cols>
    <col min="1" max="1" width="6.75" style="15" customWidth="1"/>
    <col min="2" max="2" width="6.75" style="37"/>
    <col min="3" max="4" width="6.75" style="38"/>
    <col min="5" max="5" width="20.75" style="15" customWidth="1"/>
    <col min="6" max="6" width="45" style="15" bestFit="1" customWidth="1"/>
    <col min="7" max="7" width="36.75" style="39" customWidth="1"/>
    <col min="8" max="19" width="6.75" style="40"/>
    <col min="20" max="26" width="6.75" style="59"/>
    <col min="27" max="29" width="6.75" style="40"/>
    <col min="30" max="30" width="6.75" style="38"/>
    <col min="31" max="31" width="6.75" style="15" customWidth="1"/>
    <col min="32" max="16384" width="6.75" style="15"/>
  </cols>
  <sheetData>
    <row r="1" spans="2:30" s="41" customFormat="1" ht="36" customHeight="1" x14ac:dyDescent="0.15">
      <c r="B1" s="43" t="s">
        <v>167</v>
      </c>
      <c r="C1" s="42" t="s">
        <v>174</v>
      </c>
      <c r="D1" s="42"/>
      <c r="F1" s="42"/>
      <c r="G1" s="67"/>
      <c r="H1" s="44"/>
      <c r="I1" s="44"/>
      <c r="J1" s="44"/>
      <c r="K1" s="44"/>
      <c r="L1" s="44"/>
      <c r="M1" s="44"/>
      <c r="N1" s="44"/>
      <c r="O1" s="44"/>
      <c r="P1" s="44"/>
      <c r="Q1" s="44"/>
      <c r="R1" s="44"/>
      <c r="S1" s="44"/>
      <c r="T1" s="54"/>
      <c r="U1" s="55"/>
      <c r="V1" s="55"/>
      <c r="W1" s="55"/>
      <c r="X1" s="55"/>
      <c r="Y1" s="55"/>
      <c r="Z1" s="56"/>
      <c r="AA1" s="57"/>
      <c r="AB1" s="57"/>
      <c r="AC1" s="57"/>
      <c r="AD1" s="58"/>
    </row>
    <row r="2" spans="2:30" ht="24" customHeight="1" x14ac:dyDescent="0.15">
      <c r="B2" s="2"/>
      <c r="C2" s="3"/>
      <c r="D2" s="3"/>
      <c r="E2" s="3"/>
      <c r="F2" s="3"/>
      <c r="G2" s="3"/>
      <c r="H2" s="4" t="s">
        <v>18</v>
      </c>
      <c r="I2" s="5"/>
      <c r="J2" s="6"/>
      <c r="K2" s="7"/>
      <c r="L2" s="7"/>
      <c r="M2" s="8" t="s">
        <v>26</v>
      </c>
      <c r="N2" s="5"/>
      <c r="O2" s="5"/>
      <c r="P2" s="5"/>
      <c r="Q2" s="5"/>
      <c r="R2" s="5"/>
      <c r="S2" s="9"/>
      <c r="T2" s="10" t="s">
        <v>5</v>
      </c>
      <c r="U2" s="11"/>
      <c r="V2" s="11"/>
      <c r="W2" s="11"/>
      <c r="X2" s="11"/>
      <c r="Y2" s="12"/>
      <c r="Z2" s="10" t="s">
        <v>6</v>
      </c>
      <c r="AA2" s="11"/>
      <c r="AB2" s="12"/>
      <c r="AC2" s="13" t="s">
        <v>31</v>
      </c>
      <c r="AD2" s="14"/>
    </row>
    <row r="3" spans="2:30" ht="45" customHeight="1" x14ac:dyDescent="0.15">
      <c r="B3" s="16" t="s">
        <v>13</v>
      </c>
      <c r="C3" s="16" t="s">
        <v>12</v>
      </c>
      <c r="D3" s="16" t="s">
        <v>14</v>
      </c>
      <c r="E3" s="16" t="s">
        <v>0</v>
      </c>
      <c r="F3" s="16" t="s">
        <v>1</v>
      </c>
      <c r="G3" s="16" t="s">
        <v>2</v>
      </c>
      <c r="H3" s="45" t="s">
        <v>15</v>
      </c>
      <c r="I3" s="46" t="s">
        <v>16</v>
      </c>
      <c r="J3" s="46" t="s">
        <v>17</v>
      </c>
      <c r="K3" s="17" t="s">
        <v>3</v>
      </c>
      <c r="L3" s="17" t="s">
        <v>4</v>
      </c>
      <c r="M3" s="46" t="s">
        <v>19</v>
      </c>
      <c r="N3" s="46" t="s">
        <v>20</v>
      </c>
      <c r="O3" s="46" t="s">
        <v>21</v>
      </c>
      <c r="P3" s="46" t="s">
        <v>22</v>
      </c>
      <c r="Q3" s="46" t="s">
        <v>23</v>
      </c>
      <c r="R3" s="46" t="s">
        <v>24</v>
      </c>
      <c r="S3" s="47" t="s">
        <v>25</v>
      </c>
      <c r="T3" s="48" t="s">
        <v>7</v>
      </c>
      <c r="U3" s="49" t="s">
        <v>8</v>
      </c>
      <c r="V3" s="49" t="s">
        <v>32</v>
      </c>
      <c r="W3" s="49" t="s">
        <v>9</v>
      </c>
      <c r="X3" s="49" t="s">
        <v>10</v>
      </c>
      <c r="Y3" s="50" t="s">
        <v>11</v>
      </c>
      <c r="Z3" s="51" t="s">
        <v>27</v>
      </c>
      <c r="AA3" s="52" t="s">
        <v>28</v>
      </c>
      <c r="AB3" s="53" t="s">
        <v>29</v>
      </c>
      <c r="AC3" s="51" t="s">
        <v>30</v>
      </c>
      <c r="AD3" s="53" t="s">
        <v>33</v>
      </c>
    </row>
    <row r="4" spans="2:30" ht="36" customHeight="1" x14ac:dyDescent="0.15">
      <c r="B4" s="18">
        <v>1</v>
      </c>
      <c r="C4" s="19" t="s">
        <v>34</v>
      </c>
      <c r="D4" s="19" t="s">
        <v>35</v>
      </c>
      <c r="E4" s="20" t="s">
        <v>48</v>
      </c>
      <c r="F4" s="35" t="s">
        <v>75</v>
      </c>
      <c r="G4" s="29" t="s">
        <v>76</v>
      </c>
      <c r="H4" s="22">
        <v>0</v>
      </c>
      <c r="I4" s="23">
        <v>0</v>
      </c>
      <c r="J4" s="23" t="s">
        <v>39</v>
      </c>
      <c r="K4" s="23" t="s">
        <v>39</v>
      </c>
      <c r="L4" s="23">
        <v>0</v>
      </c>
      <c r="M4" s="23">
        <v>0</v>
      </c>
      <c r="N4" s="23">
        <v>0</v>
      </c>
      <c r="O4" s="23">
        <v>0</v>
      </c>
      <c r="P4" s="23">
        <v>0</v>
      </c>
      <c r="Q4" s="23">
        <v>0</v>
      </c>
      <c r="R4" s="23">
        <v>0</v>
      </c>
      <c r="S4" s="24">
        <v>0</v>
      </c>
      <c r="T4" s="31" t="s">
        <v>39</v>
      </c>
      <c r="U4" s="25">
        <v>0</v>
      </c>
      <c r="V4" s="25">
        <v>0</v>
      </c>
      <c r="W4" s="25">
        <v>0</v>
      </c>
      <c r="X4" s="25" t="s">
        <v>39</v>
      </c>
      <c r="Y4" s="26">
        <v>0</v>
      </c>
      <c r="Z4" s="31">
        <v>0</v>
      </c>
      <c r="AA4" s="23" t="s">
        <v>39</v>
      </c>
      <c r="AB4" s="24">
        <v>0</v>
      </c>
      <c r="AC4" s="22">
        <v>0</v>
      </c>
      <c r="AD4" s="27">
        <v>0</v>
      </c>
    </row>
    <row r="5" spans="2:30" ht="36" customHeight="1" x14ac:dyDescent="0.15">
      <c r="B5" s="18">
        <v>2</v>
      </c>
      <c r="C5" s="19" t="s">
        <v>34</v>
      </c>
      <c r="D5" s="19" t="s">
        <v>35</v>
      </c>
      <c r="E5" s="20" t="s">
        <v>48</v>
      </c>
      <c r="F5" s="29" t="s">
        <v>168</v>
      </c>
      <c r="G5" s="29" t="s">
        <v>77</v>
      </c>
      <c r="H5" s="22">
        <v>0</v>
      </c>
      <c r="I5" s="23" t="s">
        <v>39</v>
      </c>
      <c r="J5" s="23" t="s">
        <v>39</v>
      </c>
      <c r="K5" s="23" t="s">
        <v>39</v>
      </c>
      <c r="L5" s="23">
        <v>0</v>
      </c>
      <c r="M5" s="23">
        <v>0</v>
      </c>
      <c r="N5" s="23">
        <v>0</v>
      </c>
      <c r="O5" s="23">
        <v>0</v>
      </c>
      <c r="P5" s="23">
        <v>0</v>
      </c>
      <c r="Q5" s="23">
        <v>0</v>
      </c>
      <c r="R5" s="23">
        <v>0</v>
      </c>
      <c r="S5" s="24">
        <v>0</v>
      </c>
      <c r="T5" s="31">
        <v>0</v>
      </c>
      <c r="U5" s="25">
        <v>0</v>
      </c>
      <c r="V5" s="25">
        <v>0</v>
      </c>
      <c r="W5" s="25" t="s">
        <v>39</v>
      </c>
      <c r="X5" s="25" t="s">
        <v>39</v>
      </c>
      <c r="Y5" s="26">
        <v>0</v>
      </c>
      <c r="Z5" s="31" t="s">
        <v>39</v>
      </c>
      <c r="AA5" s="23">
        <v>0</v>
      </c>
      <c r="AB5" s="24">
        <v>0</v>
      </c>
      <c r="AC5" s="22">
        <v>0</v>
      </c>
      <c r="AD5" s="27">
        <v>0</v>
      </c>
    </row>
    <row r="6" spans="2:30" ht="36" customHeight="1" x14ac:dyDescent="0.15">
      <c r="B6" s="18">
        <v>3</v>
      </c>
      <c r="C6" s="19" t="s">
        <v>34</v>
      </c>
      <c r="D6" s="19" t="s">
        <v>35</v>
      </c>
      <c r="E6" s="20" t="s">
        <v>48</v>
      </c>
      <c r="F6" s="29" t="s">
        <v>90</v>
      </c>
      <c r="G6" s="29" t="s">
        <v>92</v>
      </c>
      <c r="H6" s="22">
        <v>0</v>
      </c>
      <c r="I6" s="23">
        <v>0</v>
      </c>
      <c r="J6" s="23" t="s">
        <v>39</v>
      </c>
      <c r="K6" s="23" t="s">
        <v>39</v>
      </c>
      <c r="L6" s="23" t="s">
        <v>39</v>
      </c>
      <c r="M6" s="23">
        <v>0</v>
      </c>
      <c r="N6" s="23">
        <v>0</v>
      </c>
      <c r="O6" s="23">
        <v>0</v>
      </c>
      <c r="P6" s="23" t="s">
        <v>39</v>
      </c>
      <c r="Q6" s="23" t="s">
        <v>39</v>
      </c>
      <c r="R6" s="23">
        <v>0</v>
      </c>
      <c r="S6" s="24" t="s">
        <v>40</v>
      </c>
      <c r="T6" s="31" t="s">
        <v>39</v>
      </c>
      <c r="U6" s="25" t="s">
        <v>39</v>
      </c>
      <c r="V6" s="25">
        <v>0</v>
      </c>
      <c r="W6" s="25" t="s">
        <v>39</v>
      </c>
      <c r="X6" s="25" t="s">
        <v>39</v>
      </c>
      <c r="Y6" s="26">
        <v>0</v>
      </c>
      <c r="Z6" s="31" t="s">
        <v>39</v>
      </c>
      <c r="AA6" s="23">
        <v>0</v>
      </c>
      <c r="AB6" s="24">
        <v>0</v>
      </c>
      <c r="AC6" s="22" t="s">
        <v>39</v>
      </c>
      <c r="AD6" s="27" t="s">
        <v>39</v>
      </c>
    </row>
    <row r="7" spans="2:30" ht="36" customHeight="1" x14ac:dyDescent="0.15">
      <c r="B7" s="18">
        <v>4</v>
      </c>
      <c r="C7" s="28" t="s">
        <v>34</v>
      </c>
      <c r="D7" s="19" t="s">
        <v>35</v>
      </c>
      <c r="E7" s="20" t="s">
        <v>48</v>
      </c>
      <c r="F7" s="29" t="s">
        <v>109</v>
      </c>
      <c r="G7" s="36" t="s">
        <v>110</v>
      </c>
      <c r="H7" s="22">
        <v>0</v>
      </c>
      <c r="I7" s="23" t="s">
        <v>39</v>
      </c>
      <c r="J7" s="23" t="s">
        <v>39</v>
      </c>
      <c r="K7" s="23">
        <v>0</v>
      </c>
      <c r="L7" s="23">
        <v>0</v>
      </c>
      <c r="M7" s="23">
        <v>0</v>
      </c>
      <c r="N7" s="23">
        <v>0</v>
      </c>
      <c r="O7" s="23">
        <v>0</v>
      </c>
      <c r="P7" s="23">
        <v>0</v>
      </c>
      <c r="Q7" s="23">
        <v>0</v>
      </c>
      <c r="R7" s="23">
        <v>0</v>
      </c>
      <c r="S7" s="24">
        <v>0</v>
      </c>
      <c r="T7" s="31">
        <v>0</v>
      </c>
      <c r="U7" s="25" t="s">
        <v>39</v>
      </c>
      <c r="V7" s="25">
        <v>0</v>
      </c>
      <c r="W7" s="25">
        <v>0</v>
      </c>
      <c r="X7" s="25" t="s">
        <v>39</v>
      </c>
      <c r="Y7" s="26">
        <v>0</v>
      </c>
      <c r="Z7" s="31" t="s">
        <v>39</v>
      </c>
      <c r="AA7" s="23" t="s">
        <v>39</v>
      </c>
      <c r="AB7" s="24">
        <v>0</v>
      </c>
      <c r="AC7" s="22">
        <v>0</v>
      </c>
      <c r="AD7" s="27" t="s">
        <v>40</v>
      </c>
    </row>
    <row r="8" spans="2:30" ht="36" customHeight="1" x14ac:dyDescent="0.15">
      <c r="B8" s="18">
        <v>5</v>
      </c>
      <c r="C8" s="28" t="s">
        <v>34</v>
      </c>
      <c r="D8" s="19" t="s">
        <v>35</v>
      </c>
      <c r="E8" s="20" t="s">
        <v>48</v>
      </c>
      <c r="F8" s="29" t="s">
        <v>118</v>
      </c>
      <c r="G8" s="29" t="s">
        <v>119</v>
      </c>
      <c r="H8" s="22">
        <v>0</v>
      </c>
      <c r="I8" s="23">
        <v>0</v>
      </c>
      <c r="J8" s="23" t="s">
        <v>39</v>
      </c>
      <c r="K8" s="23">
        <v>0</v>
      </c>
      <c r="L8" s="23">
        <v>0</v>
      </c>
      <c r="M8" s="23">
        <v>0</v>
      </c>
      <c r="N8" s="23">
        <v>0</v>
      </c>
      <c r="O8" s="23">
        <v>0</v>
      </c>
      <c r="P8" s="23">
        <v>0</v>
      </c>
      <c r="Q8" s="23">
        <v>0</v>
      </c>
      <c r="R8" s="23">
        <v>0</v>
      </c>
      <c r="S8" s="24">
        <v>0</v>
      </c>
      <c r="T8" s="31" t="s">
        <v>39</v>
      </c>
      <c r="U8" s="25">
        <v>0</v>
      </c>
      <c r="V8" s="25">
        <v>0</v>
      </c>
      <c r="W8" s="25">
        <v>0</v>
      </c>
      <c r="X8" s="25" t="s">
        <v>39</v>
      </c>
      <c r="Y8" s="26" t="s">
        <v>39</v>
      </c>
      <c r="Z8" s="31" t="s">
        <v>39</v>
      </c>
      <c r="AA8" s="23">
        <v>0</v>
      </c>
      <c r="AB8" s="24">
        <v>0</v>
      </c>
      <c r="AC8" s="22">
        <v>0</v>
      </c>
      <c r="AD8" s="27">
        <v>0</v>
      </c>
    </row>
    <row r="9" spans="2:30" ht="36" customHeight="1" x14ac:dyDescent="0.15">
      <c r="B9" s="18">
        <v>6</v>
      </c>
      <c r="C9" s="28" t="s">
        <v>44</v>
      </c>
      <c r="D9" s="19" t="s">
        <v>45</v>
      </c>
      <c r="E9" s="20" t="s">
        <v>48</v>
      </c>
      <c r="F9" s="29" t="s">
        <v>47</v>
      </c>
      <c r="G9" s="21" t="s">
        <v>49</v>
      </c>
      <c r="H9" s="22">
        <v>0</v>
      </c>
      <c r="I9" s="23" t="s">
        <v>39</v>
      </c>
      <c r="J9" s="23" t="s">
        <v>39</v>
      </c>
      <c r="K9" s="23" t="s">
        <v>39</v>
      </c>
      <c r="L9" s="23">
        <v>0</v>
      </c>
      <c r="M9" s="23">
        <v>0</v>
      </c>
      <c r="N9" s="23">
        <v>0</v>
      </c>
      <c r="O9" s="23">
        <v>0</v>
      </c>
      <c r="P9" s="23">
        <v>0</v>
      </c>
      <c r="Q9" s="23">
        <v>0</v>
      </c>
      <c r="R9" s="23">
        <v>0</v>
      </c>
      <c r="S9" s="24">
        <v>0</v>
      </c>
      <c r="T9" s="31" t="s">
        <v>39</v>
      </c>
      <c r="U9" s="25" t="s">
        <v>39</v>
      </c>
      <c r="V9" s="25">
        <v>0</v>
      </c>
      <c r="W9" s="25" t="s">
        <v>39</v>
      </c>
      <c r="X9" s="25" t="s">
        <v>39</v>
      </c>
      <c r="Y9" s="26">
        <v>0</v>
      </c>
      <c r="Z9" s="31" t="s">
        <v>39</v>
      </c>
      <c r="AA9" s="23" t="s">
        <v>39</v>
      </c>
      <c r="AB9" s="24">
        <v>0</v>
      </c>
      <c r="AC9" s="22" t="s">
        <v>40</v>
      </c>
      <c r="AD9" s="27" t="s">
        <v>40</v>
      </c>
    </row>
    <row r="10" spans="2:30" ht="36" customHeight="1" x14ac:dyDescent="0.15">
      <c r="B10" s="18">
        <v>7</v>
      </c>
      <c r="C10" s="28" t="s">
        <v>44</v>
      </c>
      <c r="D10" s="19" t="s">
        <v>45</v>
      </c>
      <c r="E10" s="20" t="s">
        <v>48</v>
      </c>
      <c r="F10" s="29" t="s">
        <v>50</v>
      </c>
      <c r="G10" s="29" t="s">
        <v>51</v>
      </c>
      <c r="H10" s="22">
        <v>0</v>
      </c>
      <c r="I10" s="23" t="s">
        <v>40</v>
      </c>
      <c r="J10" s="23" t="s">
        <v>39</v>
      </c>
      <c r="K10" s="23">
        <v>0</v>
      </c>
      <c r="L10" s="23">
        <v>0</v>
      </c>
      <c r="M10" s="23">
        <v>0</v>
      </c>
      <c r="N10" s="23">
        <v>0</v>
      </c>
      <c r="O10" s="23">
        <v>0</v>
      </c>
      <c r="P10" s="23">
        <v>0</v>
      </c>
      <c r="Q10" s="23">
        <v>0</v>
      </c>
      <c r="R10" s="23">
        <v>0</v>
      </c>
      <c r="S10" s="24">
        <v>0</v>
      </c>
      <c r="T10" s="31" t="s">
        <v>39</v>
      </c>
      <c r="U10" s="25">
        <v>0</v>
      </c>
      <c r="V10" s="25">
        <v>0</v>
      </c>
      <c r="W10" s="25">
        <v>0</v>
      </c>
      <c r="X10" s="25">
        <v>0</v>
      </c>
      <c r="Y10" s="26" t="s">
        <v>40</v>
      </c>
      <c r="Z10" s="31" t="s">
        <v>39</v>
      </c>
      <c r="AA10" s="32" t="s">
        <v>39</v>
      </c>
      <c r="AB10" s="24">
        <v>0</v>
      </c>
      <c r="AC10" s="22">
        <v>0</v>
      </c>
      <c r="AD10" s="27" t="s">
        <v>40</v>
      </c>
    </row>
    <row r="11" spans="2:30" ht="36" customHeight="1" x14ac:dyDescent="0.15">
      <c r="B11" s="18">
        <v>8</v>
      </c>
      <c r="C11" s="28" t="s">
        <v>44</v>
      </c>
      <c r="D11" s="19" t="s">
        <v>45</v>
      </c>
      <c r="E11" s="20" t="s">
        <v>48</v>
      </c>
      <c r="F11" s="21" t="s">
        <v>58</v>
      </c>
      <c r="G11" s="21" t="s">
        <v>59</v>
      </c>
      <c r="H11" s="22">
        <v>0</v>
      </c>
      <c r="I11" s="23">
        <v>0</v>
      </c>
      <c r="J11" s="23">
        <v>0</v>
      </c>
      <c r="K11" s="23" t="s">
        <v>40</v>
      </c>
      <c r="L11" s="23" t="s">
        <v>39</v>
      </c>
      <c r="M11" s="23">
        <v>0</v>
      </c>
      <c r="N11" s="23">
        <v>0</v>
      </c>
      <c r="O11" s="23">
        <v>0</v>
      </c>
      <c r="P11" s="23">
        <v>0</v>
      </c>
      <c r="Q11" s="23">
        <v>0</v>
      </c>
      <c r="R11" s="23">
        <v>0</v>
      </c>
      <c r="S11" s="24">
        <v>0</v>
      </c>
      <c r="T11" s="31">
        <v>0</v>
      </c>
      <c r="U11" s="25">
        <v>0</v>
      </c>
      <c r="V11" s="25">
        <v>0</v>
      </c>
      <c r="W11" s="25" t="s">
        <v>39</v>
      </c>
      <c r="X11" s="25" t="s">
        <v>39</v>
      </c>
      <c r="Y11" s="26" t="s">
        <v>40</v>
      </c>
      <c r="Z11" s="31" t="s">
        <v>39</v>
      </c>
      <c r="AA11" s="23">
        <v>0</v>
      </c>
      <c r="AB11" s="24">
        <v>0</v>
      </c>
      <c r="AC11" s="22" t="s">
        <v>39</v>
      </c>
      <c r="AD11" s="27">
        <v>0</v>
      </c>
    </row>
    <row r="12" spans="2:30" ht="36" customHeight="1" x14ac:dyDescent="0.15">
      <c r="B12" s="18">
        <v>9</v>
      </c>
      <c r="C12" s="28" t="s">
        <v>44</v>
      </c>
      <c r="D12" s="19" t="s">
        <v>45</v>
      </c>
      <c r="E12" s="20" t="s">
        <v>48</v>
      </c>
      <c r="F12" s="29" t="s">
        <v>58</v>
      </c>
      <c r="G12" s="29" t="s">
        <v>60</v>
      </c>
      <c r="H12" s="22">
        <v>0</v>
      </c>
      <c r="I12" s="23">
        <v>0</v>
      </c>
      <c r="J12" s="23">
        <v>0</v>
      </c>
      <c r="K12" s="23" t="s">
        <v>40</v>
      </c>
      <c r="L12" s="23" t="s">
        <v>39</v>
      </c>
      <c r="M12" s="23">
        <v>0</v>
      </c>
      <c r="N12" s="23">
        <v>0</v>
      </c>
      <c r="O12" s="23">
        <v>0</v>
      </c>
      <c r="P12" s="23">
        <v>0</v>
      </c>
      <c r="Q12" s="23">
        <v>0</v>
      </c>
      <c r="R12" s="23">
        <v>0</v>
      </c>
      <c r="S12" s="24">
        <v>0</v>
      </c>
      <c r="T12" s="31">
        <v>0</v>
      </c>
      <c r="U12" s="25">
        <v>0</v>
      </c>
      <c r="V12" s="25">
        <v>0</v>
      </c>
      <c r="W12" s="25">
        <v>0</v>
      </c>
      <c r="X12" s="25" t="s">
        <v>39</v>
      </c>
      <c r="Y12" s="26" t="s">
        <v>40</v>
      </c>
      <c r="Z12" s="31">
        <v>0</v>
      </c>
      <c r="AA12" s="23">
        <v>0</v>
      </c>
      <c r="AB12" s="24">
        <v>0</v>
      </c>
      <c r="AC12" s="22">
        <v>0</v>
      </c>
      <c r="AD12" s="27">
        <v>0</v>
      </c>
    </row>
    <row r="13" spans="2:30" ht="36" customHeight="1" x14ac:dyDescent="0.15">
      <c r="B13" s="18">
        <v>10</v>
      </c>
      <c r="C13" s="28" t="s">
        <v>44</v>
      </c>
      <c r="D13" s="19" t="s">
        <v>45</v>
      </c>
      <c r="E13" s="20" t="s">
        <v>48</v>
      </c>
      <c r="F13" s="34" t="s">
        <v>62</v>
      </c>
      <c r="G13" s="21" t="s">
        <v>63</v>
      </c>
      <c r="H13" s="22" t="s">
        <v>39</v>
      </c>
      <c r="I13" s="23" t="s">
        <v>39</v>
      </c>
      <c r="J13" s="23" t="s">
        <v>39</v>
      </c>
      <c r="K13" s="23" t="s">
        <v>39</v>
      </c>
      <c r="L13" s="23" t="s">
        <v>39</v>
      </c>
      <c r="M13" s="23">
        <v>0</v>
      </c>
      <c r="N13" s="23">
        <v>0</v>
      </c>
      <c r="O13" s="23">
        <v>0</v>
      </c>
      <c r="P13" s="23">
        <v>0</v>
      </c>
      <c r="Q13" s="23">
        <v>0</v>
      </c>
      <c r="R13" s="23">
        <v>0</v>
      </c>
      <c r="S13" s="24">
        <v>0</v>
      </c>
      <c r="T13" s="31" t="s">
        <v>39</v>
      </c>
      <c r="U13" s="25">
        <v>0</v>
      </c>
      <c r="V13" s="25">
        <v>0</v>
      </c>
      <c r="W13" s="25">
        <v>0</v>
      </c>
      <c r="X13" s="25" t="s">
        <v>39</v>
      </c>
      <c r="Y13" s="26" t="s">
        <v>39</v>
      </c>
      <c r="Z13" s="31" t="s">
        <v>39</v>
      </c>
      <c r="AA13" s="23">
        <v>0</v>
      </c>
      <c r="AB13" s="24">
        <v>0</v>
      </c>
      <c r="AC13" s="22">
        <v>0</v>
      </c>
      <c r="AD13" s="27">
        <v>0</v>
      </c>
    </row>
    <row r="14" spans="2:30" ht="36" customHeight="1" x14ac:dyDescent="0.15">
      <c r="B14" s="18">
        <v>11</v>
      </c>
      <c r="C14" s="28" t="s">
        <v>44</v>
      </c>
      <c r="D14" s="19" t="s">
        <v>45</v>
      </c>
      <c r="E14" s="20" t="s">
        <v>48</v>
      </c>
      <c r="F14" s="21" t="s">
        <v>62</v>
      </c>
      <c r="G14" s="21" t="s">
        <v>64</v>
      </c>
      <c r="H14" s="22" t="s">
        <v>39</v>
      </c>
      <c r="I14" s="23" t="s">
        <v>39</v>
      </c>
      <c r="J14" s="23" t="s">
        <v>39</v>
      </c>
      <c r="K14" s="23" t="s">
        <v>39</v>
      </c>
      <c r="L14" s="23" t="s">
        <v>39</v>
      </c>
      <c r="M14" s="23">
        <v>0</v>
      </c>
      <c r="N14" s="23">
        <v>0</v>
      </c>
      <c r="O14" s="23">
        <v>0</v>
      </c>
      <c r="P14" s="23">
        <v>0</v>
      </c>
      <c r="Q14" s="23">
        <v>0</v>
      </c>
      <c r="R14" s="23">
        <v>0</v>
      </c>
      <c r="S14" s="24">
        <v>0</v>
      </c>
      <c r="T14" s="31" t="s">
        <v>39</v>
      </c>
      <c r="U14" s="25">
        <v>0</v>
      </c>
      <c r="V14" s="25">
        <v>0</v>
      </c>
      <c r="W14" s="25">
        <v>0</v>
      </c>
      <c r="X14" s="25" t="s">
        <v>39</v>
      </c>
      <c r="Y14" s="26" t="s">
        <v>39</v>
      </c>
      <c r="Z14" s="31" t="s">
        <v>39</v>
      </c>
      <c r="AA14" s="23">
        <v>0</v>
      </c>
      <c r="AB14" s="24">
        <v>0</v>
      </c>
      <c r="AC14" s="22" t="s">
        <v>39</v>
      </c>
      <c r="AD14" s="27" t="s">
        <v>39</v>
      </c>
    </row>
    <row r="15" spans="2:30" ht="36" customHeight="1" x14ac:dyDescent="0.15">
      <c r="B15" s="18">
        <v>12</v>
      </c>
      <c r="C15" s="28" t="s">
        <v>44</v>
      </c>
      <c r="D15" s="19" t="s">
        <v>45</v>
      </c>
      <c r="E15" s="20" t="s">
        <v>48</v>
      </c>
      <c r="F15" s="21" t="s">
        <v>65</v>
      </c>
      <c r="G15" s="21" t="s">
        <v>128</v>
      </c>
      <c r="H15" s="22" t="s">
        <v>40</v>
      </c>
      <c r="I15" s="23" t="s">
        <v>39</v>
      </c>
      <c r="J15" s="23" t="s">
        <v>39</v>
      </c>
      <c r="K15" s="23">
        <v>0</v>
      </c>
      <c r="L15" s="23">
        <v>0</v>
      </c>
      <c r="M15" s="23">
        <v>0</v>
      </c>
      <c r="N15" s="23" t="s">
        <v>40</v>
      </c>
      <c r="O15" s="23" t="s">
        <v>40</v>
      </c>
      <c r="P15" s="23" t="s">
        <v>39</v>
      </c>
      <c r="Q15" s="23" t="s">
        <v>39</v>
      </c>
      <c r="R15" s="23" t="s">
        <v>40</v>
      </c>
      <c r="S15" s="24">
        <v>0</v>
      </c>
      <c r="T15" s="31" t="s">
        <v>39</v>
      </c>
      <c r="U15" s="25" t="s">
        <v>39</v>
      </c>
      <c r="V15" s="25">
        <v>0</v>
      </c>
      <c r="W15" s="25" t="s">
        <v>39</v>
      </c>
      <c r="X15" s="25" t="s">
        <v>39</v>
      </c>
      <c r="Y15" s="26" t="s">
        <v>39</v>
      </c>
      <c r="Z15" s="31" t="s">
        <v>39</v>
      </c>
      <c r="AA15" s="23">
        <v>0</v>
      </c>
      <c r="AB15" s="24">
        <v>0</v>
      </c>
      <c r="AC15" s="22">
        <v>0</v>
      </c>
      <c r="AD15" s="27">
        <v>0</v>
      </c>
    </row>
    <row r="16" spans="2:30" ht="36" customHeight="1" x14ac:dyDescent="0.15">
      <c r="B16" s="18">
        <v>13</v>
      </c>
      <c r="C16" s="28" t="s">
        <v>44</v>
      </c>
      <c r="D16" s="19" t="s">
        <v>45</v>
      </c>
      <c r="E16" s="20" t="s">
        <v>48</v>
      </c>
      <c r="F16" s="21" t="s">
        <v>130</v>
      </c>
      <c r="G16" s="21" t="s">
        <v>129</v>
      </c>
      <c r="H16" s="22">
        <v>0</v>
      </c>
      <c r="I16" s="23">
        <v>0</v>
      </c>
      <c r="J16" s="23" t="s">
        <v>39</v>
      </c>
      <c r="K16" s="23" t="s">
        <v>39</v>
      </c>
      <c r="L16" s="23" t="s">
        <v>39</v>
      </c>
      <c r="M16" s="23">
        <v>0</v>
      </c>
      <c r="N16" s="23">
        <v>0</v>
      </c>
      <c r="O16" s="23">
        <v>0</v>
      </c>
      <c r="P16" s="23">
        <v>0</v>
      </c>
      <c r="Q16" s="23" t="s">
        <v>39</v>
      </c>
      <c r="R16" s="23" t="s">
        <v>39</v>
      </c>
      <c r="S16" s="24">
        <v>0</v>
      </c>
      <c r="T16" s="31" t="s">
        <v>39</v>
      </c>
      <c r="U16" s="25" t="s">
        <v>39</v>
      </c>
      <c r="V16" s="25">
        <v>0</v>
      </c>
      <c r="W16" s="25">
        <v>0</v>
      </c>
      <c r="X16" s="25" t="s">
        <v>39</v>
      </c>
      <c r="Y16" s="26" t="s">
        <v>39</v>
      </c>
      <c r="Z16" s="31" t="s">
        <v>39</v>
      </c>
      <c r="AA16" s="23">
        <v>0</v>
      </c>
      <c r="AB16" s="24">
        <v>0</v>
      </c>
      <c r="AC16" s="22" t="s">
        <v>39</v>
      </c>
      <c r="AD16" s="27">
        <v>0</v>
      </c>
    </row>
    <row r="17" spans="2:30" ht="36" customHeight="1" x14ac:dyDescent="0.15">
      <c r="B17" s="18">
        <v>14</v>
      </c>
      <c r="C17" s="28" t="s">
        <v>44</v>
      </c>
      <c r="D17" s="19" t="s">
        <v>45</v>
      </c>
      <c r="E17" s="20" t="s">
        <v>48</v>
      </c>
      <c r="F17" s="29" t="s">
        <v>131</v>
      </c>
      <c r="G17" s="21" t="s">
        <v>73</v>
      </c>
      <c r="H17" s="22">
        <v>0</v>
      </c>
      <c r="I17" s="23" t="s">
        <v>39</v>
      </c>
      <c r="J17" s="23" t="s">
        <v>39</v>
      </c>
      <c r="K17" s="23" t="s">
        <v>39</v>
      </c>
      <c r="L17" s="23" t="s">
        <v>39</v>
      </c>
      <c r="M17" s="23" t="s">
        <v>39</v>
      </c>
      <c r="N17" s="23">
        <v>0</v>
      </c>
      <c r="O17" s="23" t="s">
        <v>39</v>
      </c>
      <c r="P17" s="23" t="s">
        <v>39</v>
      </c>
      <c r="Q17" s="23" t="s">
        <v>39</v>
      </c>
      <c r="R17" s="23" t="s">
        <v>39</v>
      </c>
      <c r="S17" s="24" t="s">
        <v>39</v>
      </c>
      <c r="T17" s="31" t="s">
        <v>39</v>
      </c>
      <c r="U17" s="25" t="s">
        <v>39</v>
      </c>
      <c r="V17" s="25">
        <v>0</v>
      </c>
      <c r="W17" s="25">
        <v>0</v>
      </c>
      <c r="X17" s="25" t="s">
        <v>39</v>
      </c>
      <c r="Y17" s="26">
        <v>0</v>
      </c>
      <c r="Z17" s="31" t="s">
        <v>39</v>
      </c>
      <c r="AA17" s="23" t="s">
        <v>39</v>
      </c>
      <c r="AB17" s="24" t="s">
        <v>39</v>
      </c>
      <c r="AC17" s="22">
        <v>0</v>
      </c>
      <c r="AD17" s="27" t="s">
        <v>40</v>
      </c>
    </row>
    <row r="18" spans="2:30" ht="36" customHeight="1" x14ac:dyDescent="0.15">
      <c r="B18" s="18">
        <v>15</v>
      </c>
      <c r="C18" s="28" t="s">
        <v>44</v>
      </c>
      <c r="D18" s="19" t="s">
        <v>45</v>
      </c>
      <c r="E18" s="20" t="s">
        <v>48</v>
      </c>
      <c r="F18" s="21" t="s">
        <v>88</v>
      </c>
      <c r="G18" s="21" t="s">
        <v>132</v>
      </c>
      <c r="H18" s="22" t="s">
        <v>39</v>
      </c>
      <c r="I18" s="23" t="s">
        <v>39</v>
      </c>
      <c r="J18" s="23" t="s">
        <v>39</v>
      </c>
      <c r="K18" s="23">
        <v>0</v>
      </c>
      <c r="L18" s="23">
        <v>0</v>
      </c>
      <c r="M18" s="23" t="s">
        <v>40</v>
      </c>
      <c r="N18" s="23">
        <v>0</v>
      </c>
      <c r="O18" s="23" t="s">
        <v>39</v>
      </c>
      <c r="P18" s="23" t="s">
        <v>39</v>
      </c>
      <c r="Q18" s="23" t="s">
        <v>39</v>
      </c>
      <c r="R18" s="23" t="s">
        <v>39</v>
      </c>
      <c r="S18" s="24">
        <v>0</v>
      </c>
      <c r="T18" s="31">
        <v>0</v>
      </c>
      <c r="U18" s="25">
        <v>0</v>
      </c>
      <c r="V18" s="25">
        <v>0</v>
      </c>
      <c r="W18" s="25">
        <v>0</v>
      </c>
      <c r="X18" s="25" t="s">
        <v>39</v>
      </c>
      <c r="Y18" s="26">
        <v>0</v>
      </c>
      <c r="Z18" s="31" t="s">
        <v>39</v>
      </c>
      <c r="AA18" s="23" t="s">
        <v>39</v>
      </c>
      <c r="AB18" s="24">
        <v>0</v>
      </c>
      <c r="AC18" s="22">
        <v>0</v>
      </c>
      <c r="AD18" s="27">
        <v>0</v>
      </c>
    </row>
    <row r="19" spans="2:30" ht="36" customHeight="1" x14ac:dyDescent="0.15">
      <c r="B19" s="18">
        <v>16</v>
      </c>
      <c r="C19" s="28" t="s">
        <v>44</v>
      </c>
      <c r="D19" s="19" t="s">
        <v>45</v>
      </c>
      <c r="E19" s="20" t="s">
        <v>48</v>
      </c>
      <c r="F19" s="21" t="s">
        <v>133</v>
      </c>
      <c r="G19" s="21" t="s">
        <v>134</v>
      </c>
      <c r="H19" s="22">
        <v>0</v>
      </c>
      <c r="I19" s="23" t="s">
        <v>39</v>
      </c>
      <c r="J19" s="23" t="s">
        <v>39</v>
      </c>
      <c r="K19" s="23" t="s">
        <v>39</v>
      </c>
      <c r="L19" s="23">
        <v>0</v>
      </c>
      <c r="M19" s="23">
        <v>0</v>
      </c>
      <c r="N19" s="23">
        <v>0</v>
      </c>
      <c r="O19" s="23">
        <v>0</v>
      </c>
      <c r="P19" s="23">
        <v>0</v>
      </c>
      <c r="Q19" s="23">
        <v>0</v>
      </c>
      <c r="R19" s="23">
        <v>0</v>
      </c>
      <c r="S19" s="24">
        <v>0</v>
      </c>
      <c r="T19" s="31" t="s">
        <v>39</v>
      </c>
      <c r="U19" s="25" t="s">
        <v>39</v>
      </c>
      <c r="V19" s="25">
        <v>0</v>
      </c>
      <c r="W19" s="25" t="s">
        <v>39</v>
      </c>
      <c r="X19" s="25" t="s">
        <v>39</v>
      </c>
      <c r="Y19" s="26">
        <v>0</v>
      </c>
      <c r="Z19" s="31" t="s">
        <v>39</v>
      </c>
      <c r="AA19" s="23" t="s">
        <v>39</v>
      </c>
      <c r="AB19" s="24">
        <v>0</v>
      </c>
      <c r="AC19" s="22" t="s">
        <v>39</v>
      </c>
      <c r="AD19" s="27" t="s">
        <v>40</v>
      </c>
    </row>
    <row r="20" spans="2:30" ht="36" customHeight="1" x14ac:dyDescent="0.15">
      <c r="B20" s="18">
        <v>17</v>
      </c>
      <c r="C20" s="28" t="s">
        <v>44</v>
      </c>
      <c r="D20" s="19" t="s">
        <v>45</v>
      </c>
      <c r="E20" s="20" t="s">
        <v>48</v>
      </c>
      <c r="F20" s="21" t="s">
        <v>135</v>
      </c>
      <c r="G20" s="21" t="s">
        <v>136</v>
      </c>
      <c r="H20" s="22" t="s">
        <v>39</v>
      </c>
      <c r="I20" s="23" t="s">
        <v>39</v>
      </c>
      <c r="J20" s="23" t="s">
        <v>39</v>
      </c>
      <c r="K20" s="23" t="s">
        <v>39</v>
      </c>
      <c r="L20" s="23" t="s">
        <v>39</v>
      </c>
      <c r="M20" s="23" t="s">
        <v>40</v>
      </c>
      <c r="N20" s="23" t="s">
        <v>40</v>
      </c>
      <c r="O20" s="23" t="s">
        <v>40</v>
      </c>
      <c r="P20" s="23" t="s">
        <v>40</v>
      </c>
      <c r="Q20" s="23" t="s">
        <v>40</v>
      </c>
      <c r="R20" s="23" t="s">
        <v>40</v>
      </c>
      <c r="S20" s="24" t="s">
        <v>40</v>
      </c>
      <c r="T20" s="31" t="s">
        <v>39</v>
      </c>
      <c r="U20" s="25" t="s">
        <v>39</v>
      </c>
      <c r="V20" s="25" t="s">
        <v>39</v>
      </c>
      <c r="W20" s="25" t="s">
        <v>39</v>
      </c>
      <c r="X20" s="25" t="s">
        <v>39</v>
      </c>
      <c r="Y20" s="26" t="s">
        <v>39</v>
      </c>
      <c r="Z20" s="31" t="s">
        <v>39</v>
      </c>
      <c r="AA20" s="23" t="s">
        <v>39</v>
      </c>
      <c r="AB20" s="24" t="s">
        <v>39</v>
      </c>
      <c r="AC20" s="22" t="s">
        <v>39</v>
      </c>
      <c r="AD20" s="27" t="s">
        <v>39</v>
      </c>
    </row>
    <row r="21" spans="2:30" ht="36" customHeight="1" x14ac:dyDescent="0.15">
      <c r="B21" s="73">
        <v>18</v>
      </c>
      <c r="C21" s="74" t="s">
        <v>44</v>
      </c>
      <c r="D21" s="75" t="s">
        <v>45</v>
      </c>
      <c r="E21" s="76" t="s">
        <v>48</v>
      </c>
      <c r="F21" s="77" t="s">
        <v>137</v>
      </c>
      <c r="G21" s="77" t="s">
        <v>138</v>
      </c>
      <c r="H21" s="78" t="s">
        <v>39</v>
      </c>
      <c r="I21" s="79" t="s">
        <v>39</v>
      </c>
      <c r="J21" s="79" t="s">
        <v>39</v>
      </c>
      <c r="K21" s="79" t="s">
        <v>39</v>
      </c>
      <c r="L21" s="69">
        <v>0</v>
      </c>
      <c r="M21" s="69">
        <v>0</v>
      </c>
      <c r="N21" s="69">
        <v>0</v>
      </c>
      <c r="O21" s="69">
        <v>0</v>
      </c>
      <c r="P21" s="69">
        <v>0</v>
      </c>
      <c r="Q21" s="69">
        <v>0</v>
      </c>
      <c r="R21" s="69">
        <v>0</v>
      </c>
      <c r="S21" s="70">
        <v>0</v>
      </c>
      <c r="T21" s="80" t="s">
        <v>39</v>
      </c>
      <c r="U21" s="81" t="s">
        <v>39</v>
      </c>
      <c r="V21" s="71">
        <v>0</v>
      </c>
      <c r="W21" s="81" t="s">
        <v>39</v>
      </c>
      <c r="X21" s="81" t="s">
        <v>39</v>
      </c>
      <c r="Y21" s="82" t="s">
        <v>39</v>
      </c>
      <c r="Z21" s="80" t="s">
        <v>39</v>
      </c>
      <c r="AA21" s="79" t="s">
        <v>39</v>
      </c>
      <c r="AB21" s="83" t="s">
        <v>40</v>
      </c>
      <c r="AC21" s="68">
        <v>0</v>
      </c>
      <c r="AD21" s="70">
        <v>0</v>
      </c>
    </row>
    <row r="22" spans="2:30" ht="36" customHeight="1" x14ac:dyDescent="0.15">
      <c r="B22" s="73">
        <v>19</v>
      </c>
      <c r="C22" s="74" t="s">
        <v>44</v>
      </c>
      <c r="D22" s="75" t="s">
        <v>45</v>
      </c>
      <c r="E22" s="76" t="s">
        <v>48</v>
      </c>
      <c r="F22" s="84" t="s">
        <v>137</v>
      </c>
      <c r="G22" s="77" t="s">
        <v>139</v>
      </c>
      <c r="H22" s="78" t="s">
        <v>39</v>
      </c>
      <c r="I22" s="79" t="s">
        <v>39</v>
      </c>
      <c r="J22" s="79" t="s">
        <v>39</v>
      </c>
      <c r="K22" s="79" t="s">
        <v>39</v>
      </c>
      <c r="L22" s="79" t="s">
        <v>39</v>
      </c>
      <c r="M22" s="69">
        <v>0</v>
      </c>
      <c r="N22" s="69">
        <v>0</v>
      </c>
      <c r="O22" s="69">
        <v>0</v>
      </c>
      <c r="P22" s="69">
        <v>0</v>
      </c>
      <c r="Q22" s="69">
        <v>0</v>
      </c>
      <c r="R22" s="69">
        <v>0</v>
      </c>
      <c r="S22" s="70">
        <v>0</v>
      </c>
      <c r="T22" s="80" t="s">
        <v>39</v>
      </c>
      <c r="U22" s="81" t="s">
        <v>39</v>
      </c>
      <c r="V22" s="71">
        <v>0</v>
      </c>
      <c r="W22" s="71">
        <v>0</v>
      </c>
      <c r="X22" s="81" t="s">
        <v>39</v>
      </c>
      <c r="Y22" s="72">
        <v>0</v>
      </c>
      <c r="Z22" s="80" t="s">
        <v>39</v>
      </c>
      <c r="AA22" s="79" t="s">
        <v>39</v>
      </c>
      <c r="AB22" s="70">
        <v>0</v>
      </c>
      <c r="AC22" s="68">
        <v>0</v>
      </c>
      <c r="AD22" s="70">
        <v>0</v>
      </c>
    </row>
    <row r="23" spans="2:30" ht="36" customHeight="1" x14ac:dyDescent="0.15">
      <c r="B23" s="73">
        <v>20</v>
      </c>
      <c r="C23" s="74" t="s">
        <v>44</v>
      </c>
      <c r="D23" s="75" t="s">
        <v>45</v>
      </c>
      <c r="E23" s="76" t="s">
        <v>48</v>
      </c>
      <c r="F23" s="77" t="s">
        <v>137</v>
      </c>
      <c r="G23" s="77" t="s">
        <v>140</v>
      </c>
      <c r="H23" s="78" t="s">
        <v>39</v>
      </c>
      <c r="I23" s="79" t="s">
        <v>39</v>
      </c>
      <c r="J23" s="79" t="s">
        <v>39</v>
      </c>
      <c r="K23" s="79" t="s">
        <v>39</v>
      </c>
      <c r="L23" s="69">
        <v>0</v>
      </c>
      <c r="M23" s="69">
        <v>0</v>
      </c>
      <c r="N23" s="69">
        <v>0</v>
      </c>
      <c r="O23" s="69">
        <v>0</v>
      </c>
      <c r="P23" s="69">
        <v>0</v>
      </c>
      <c r="Q23" s="69">
        <v>0</v>
      </c>
      <c r="R23" s="69">
        <v>0</v>
      </c>
      <c r="S23" s="70">
        <v>0</v>
      </c>
      <c r="T23" s="80" t="s">
        <v>39</v>
      </c>
      <c r="U23" s="81" t="s">
        <v>39</v>
      </c>
      <c r="V23" s="71">
        <v>0</v>
      </c>
      <c r="W23" s="71">
        <v>0</v>
      </c>
      <c r="X23" s="81" t="s">
        <v>39</v>
      </c>
      <c r="Y23" s="82" t="s">
        <v>39</v>
      </c>
      <c r="Z23" s="80" t="s">
        <v>39</v>
      </c>
      <c r="AA23" s="79" t="s">
        <v>39</v>
      </c>
      <c r="AB23" s="70">
        <v>0</v>
      </c>
      <c r="AC23" s="68">
        <v>0</v>
      </c>
      <c r="AD23" s="70">
        <v>0</v>
      </c>
    </row>
    <row r="24" spans="2:30" ht="36" customHeight="1" x14ac:dyDescent="0.15">
      <c r="B24" s="73">
        <v>21</v>
      </c>
      <c r="C24" s="74" t="s">
        <v>44</v>
      </c>
      <c r="D24" s="75" t="s">
        <v>45</v>
      </c>
      <c r="E24" s="76" t="s">
        <v>48</v>
      </c>
      <c r="F24" s="77" t="s">
        <v>137</v>
      </c>
      <c r="G24" s="77" t="s">
        <v>141</v>
      </c>
      <c r="H24" s="78" t="s">
        <v>39</v>
      </c>
      <c r="I24" s="79" t="s">
        <v>39</v>
      </c>
      <c r="J24" s="79" t="s">
        <v>39</v>
      </c>
      <c r="K24" s="69">
        <v>0</v>
      </c>
      <c r="L24" s="69">
        <v>0</v>
      </c>
      <c r="M24" s="69">
        <v>0</v>
      </c>
      <c r="N24" s="69">
        <v>0</v>
      </c>
      <c r="O24" s="69">
        <v>0</v>
      </c>
      <c r="P24" s="69">
        <v>0</v>
      </c>
      <c r="Q24" s="69">
        <v>0</v>
      </c>
      <c r="R24" s="69">
        <v>0</v>
      </c>
      <c r="S24" s="70">
        <v>0</v>
      </c>
      <c r="T24" s="80" t="s">
        <v>39</v>
      </c>
      <c r="U24" s="81" t="s">
        <v>39</v>
      </c>
      <c r="V24" s="71">
        <v>0</v>
      </c>
      <c r="W24" s="71">
        <v>0</v>
      </c>
      <c r="X24" s="81" t="s">
        <v>39</v>
      </c>
      <c r="Y24" s="82" t="s">
        <v>39</v>
      </c>
      <c r="Z24" s="80" t="s">
        <v>39</v>
      </c>
      <c r="AA24" s="79" t="s">
        <v>39</v>
      </c>
      <c r="AB24" s="70">
        <v>0</v>
      </c>
      <c r="AC24" s="68">
        <v>0</v>
      </c>
      <c r="AD24" s="70">
        <v>0</v>
      </c>
    </row>
    <row r="25" spans="2:30" ht="36" customHeight="1" x14ac:dyDescent="0.15">
      <c r="B25" s="18">
        <v>22</v>
      </c>
      <c r="C25" s="19" t="s">
        <v>44</v>
      </c>
      <c r="D25" s="19" t="s">
        <v>45</v>
      </c>
      <c r="E25" s="20" t="s">
        <v>48</v>
      </c>
      <c r="F25" s="21" t="s">
        <v>142</v>
      </c>
      <c r="G25" s="21" t="s">
        <v>143</v>
      </c>
      <c r="H25" s="22">
        <v>0</v>
      </c>
      <c r="I25" s="23">
        <v>0</v>
      </c>
      <c r="J25" s="23">
        <v>0</v>
      </c>
      <c r="K25" s="23" t="s">
        <v>39</v>
      </c>
      <c r="L25" s="23" t="s">
        <v>39</v>
      </c>
      <c r="M25" s="23">
        <v>0</v>
      </c>
      <c r="N25" s="23">
        <v>0</v>
      </c>
      <c r="O25" s="23">
        <v>0</v>
      </c>
      <c r="P25" s="23">
        <v>0</v>
      </c>
      <c r="Q25" s="23">
        <v>0</v>
      </c>
      <c r="R25" s="23">
        <v>0</v>
      </c>
      <c r="S25" s="24">
        <v>0</v>
      </c>
      <c r="T25" s="31" t="s">
        <v>39</v>
      </c>
      <c r="U25" s="25">
        <v>0</v>
      </c>
      <c r="V25" s="25">
        <v>0</v>
      </c>
      <c r="W25" s="25">
        <v>0</v>
      </c>
      <c r="X25" s="25">
        <v>0</v>
      </c>
      <c r="Y25" s="26">
        <v>0</v>
      </c>
      <c r="Z25" s="31" t="s">
        <v>39</v>
      </c>
      <c r="AA25" s="23" t="s">
        <v>39</v>
      </c>
      <c r="AB25" s="24">
        <v>0</v>
      </c>
      <c r="AC25" s="22" t="s">
        <v>40</v>
      </c>
      <c r="AD25" s="27">
        <v>0</v>
      </c>
    </row>
    <row r="26" spans="2:30" ht="36" customHeight="1" x14ac:dyDescent="0.15">
      <c r="B26" s="18">
        <v>23</v>
      </c>
      <c r="C26" s="19" t="s">
        <v>44</v>
      </c>
      <c r="D26" s="19" t="s">
        <v>45</v>
      </c>
      <c r="E26" s="20" t="s">
        <v>48</v>
      </c>
      <c r="F26" s="21" t="s">
        <v>142</v>
      </c>
      <c r="G26" s="21" t="s">
        <v>144</v>
      </c>
      <c r="H26" s="22">
        <v>0</v>
      </c>
      <c r="I26" s="23" t="s">
        <v>39</v>
      </c>
      <c r="J26" s="23" t="s">
        <v>39</v>
      </c>
      <c r="K26" s="23" t="s">
        <v>40</v>
      </c>
      <c r="L26" s="23">
        <v>0</v>
      </c>
      <c r="M26" s="23">
        <v>0</v>
      </c>
      <c r="N26" s="23">
        <v>0</v>
      </c>
      <c r="O26" s="23">
        <v>0</v>
      </c>
      <c r="P26" s="23">
        <v>0</v>
      </c>
      <c r="Q26" s="23">
        <v>0</v>
      </c>
      <c r="R26" s="23">
        <v>0</v>
      </c>
      <c r="S26" s="24">
        <v>0</v>
      </c>
      <c r="T26" s="31" t="s">
        <v>39</v>
      </c>
      <c r="U26" s="25" t="s">
        <v>39</v>
      </c>
      <c r="V26" s="25">
        <v>0</v>
      </c>
      <c r="W26" s="25" t="s">
        <v>39</v>
      </c>
      <c r="X26" s="25" t="s">
        <v>39</v>
      </c>
      <c r="Y26" s="26">
        <v>0</v>
      </c>
      <c r="Z26" s="31" t="s">
        <v>39</v>
      </c>
      <c r="AA26" s="23" t="s">
        <v>39</v>
      </c>
      <c r="AB26" s="24">
        <v>0</v>
      </c>
      <c r="AC26" s="22" t="s">
        <v>40</v>
      </c>
      <c r="AD26" s="27">
        <v>0</v>
      </c>
    </row>
    <row r="27" spans="2:30" ht="36" customHeight="1" x14ac:dyDescent="0.15">
      <c r="B27" s="18">
        <v>24</v>
      </c>
      <c r="C27" s="28" t="s">
        <v>44</v>
      </c>
      <c r="D27" s="19" t="s">
        <v>45</v>
      </c>
      <c r="E27" s="20" t="s">
        <v>48</v>
      </c>
      <c r="F27" s="21" t="s">
        <v>145</v>
      </c>
      <c r="G27" s="21" t="s">
        <v>146</v>
      </c>
      <c r="H27" s="22" t="s">
        <v>39</v>
      </c>
      <c r="I27" s="23" t="s">
        <v>39</v>
      </c>
      <c r="J27" s="23" t="s">
        <v>39</v>
      </c>
      <c r="K27" s="23" t="s">
        <v>39</v>
      </c>
      <c r="L27" s="23" t="s">
        <v>39</v>
      </c>
      <c r="M27" s="23" t="s">
        <v>39</v>
      </c>
      <c r="N27" s="23" t="s">
        <v>39</v>
      </c>
      <c r="O27" s="23" t="s">
        <v>39</v>
      </c>
      <c r="P27" s="23" t="s">
        <v>39</v>
      </c>
      <c r="Q27" s="23" t="s">
        <v>39</v>
      </c>
      <c r="R27" s="23" t="s">
        <v>39</v>
      </c>
      <c r="S27" s="24" t="s">
        <v>39</v>
      </c>
      <c r="T27" s="31" t="s">
        <v>39</v>
      </c>
      <c r="U27" s="25" t="s">
        <v>39</v>
      </c>
      <c r="V27" s="25">
        <v>0</v>
      </c>
      <c r="W27" s="25" t="s">
        <v>39</v>
      </c>
      <c r="X27" s="25" t="s">
        <v>39</v>
      </c>
      <c r="Y27" s="26">
        <v>0</v>
      </c>
      <c r="Z27" s="31" t="s">
        <v>39</v>
      </c>
      <c r="AA27" s="23" t="s">
        <v>39</v>
      </c>
      <c r="AB27" s="24" t="s">
        <v>39</v>
      </c>
      <c r="AC27" s="22" t="s">
        <v>40</v>
      </c>
      <c r="AD27" s="27" t="s">
        <v>40</v>
      </c>
    </row>
    <row r="28" spans="2:30" ht="36" customHeight="1" x14ac:dyDescent="0.15">
      <c r="B28" s="18">
        <v>25</v>
      </c>
      <c r="C28" s="28" t="s">
        <v>44</v>
      </c>
      <c r="D28" s="19" t="s">
        <v>45</v>
      </c>
      <c r="E28" s="20" t="s">
        <v>48</v>
      </c>
      <c r="F28" s="21" t="s">
        <v>147</v>
      </c>
      <c r="G28" s="21" t="s">
        <v>148</v>
      </c>
      <c r="H28" s="22">
        <v>0</v>
      </c>
      <c r="I28" s="23" t="s">
        <v>39</v>
      </c>
      <c r="J28" s="23" t="s">
        <v>39</v>
      </c>
      <c r="K28" s="23" t="s">
        <v>39</v>
      </c>
      <c r="L28" s="23" t="s">
        <v>39</v>
      </c>
      <c r="M28" s="23">
        <v>0</v>
      </c>
      <c r="N28" s="23">
        <v>0</v>
      </c>
      <c r="O28" s="23">
        <v>0</v>
      </c>
      <c r="P28" s="23">
        <v>0</v>
      </c>
      <c r="Q28" s="23">
        <v>0</v>
      </c>
      <c r="R28" s="23">
        <v>0</v>
      </c>
      <c r="S28" s="24">
        <v>0</v>
      </c>
      <c r="T28" s="31">
        <v>0</v>
      </c>
      <c r="U28" s="25">
        <v>0</v>
      </c>
      <c r="V28" s="25">
        <v>0</v>
      </c>
      <c r="W28" s="25">
        <v>0</v>
      </c>
      <c r="X28" s="25" t="s">
        <v>39</v>
      </c>
      <c r="Y28" s="26" t="s">
        <v>39</v>
      </c>
      <c r="Z28" s="31" t="s">
        <v>39</v>
      </c>
      <c r="AA28" s="23" t="s">
        <v>39</v>
      </c>
      <c r="AB28" s="24">
        <v>0</v>
      </c>
      <c r="AC28" s="22">
        <v>0</v>
      </c>
      <c r="AD28" s="27" t="s">
        <v>40</v>
      </c>
    </row>
    <row r="29" spans="2:30" ht="36" customHeight="1" x14ac:dyDescent="0.15">
      <c r="B29" s="18">
        <v>26</v>
      </c>
      <c r="C29" s="28" t="s">
        <v>44</v>
      </c>
      <c r="D29" s="19" t="s">
        <v>45</v>
      </c>
      <c r="E29" s="20" t="s">
        <v>48</v>
      </c>
      <c r="F29" s="21" t="s">
        <v>149</v>
      </c>
      <c r="G29" s="21" t="s">
        <v>150</v>
      </c>
      <c r="H29" s="22">
        <v>0</v>
      </c>
      <c r="I29" s="23">
        <v>0</v>
      </c>
      <c r="J29" s="23" t="s">
        <v>39</v>
      </c>
      <c r="K29" s="23" t="s">
        <v>39</v>
      </c>
      <c r="L29" s="23" t="s">
        <v>39</v>
      </c>
      <c r="M29" s="23">
        <v>0</v>
      </c>
      <c r="N29" s="23">
        <v>0</v>
      </c>
      <c r="O29" s="23">
        <v>0</v>
      </c>
      <c r="P29" s="23">
        <v>0</v>
      </c>
      <c r="Q29" s="23">
        <v>0</v>
      </c>
      <c r="R29" s="23">
        <v>0</v>
      </c>
      <c r="S29" s="24">
        <v>0</v>
      </c>
      <c r="T29" s="31" t="s">
        <v>39</v>
      </c>
      <c r="U29" s="25" t="s">
        <v>39</v>
      </c>
      <c r="V29" s="25">
        <v>0</v>
      </c>
      <c r="W29" s="25">
        <v>0</v>
      </c>
      <c r="X29" s="25" t="s">
        <v>39</v>
      </c>
      <c r="Y29" s="26">
        <v>0</v>
      </c>
      <c r="Z29" s="31" t="s">
        <v>39</v>
      </c>
      <c r="AA29" s="23">
        <v>0</v>
      </c>
      <c r="AB29" s="24">
        <v>0</v>
      </c>
      <c r="AC29" s="22">
        <v>0</v>
      </c>
      <c r="AD29" s="27">
        <v>0</v>
      </c>
    </row>
    <row r="30" spans="2:30" ht="36" customHeight="1" x14ac:dyDescent="0.15">
      <c r="B30" s="18">
        <v>27</v>
      </c>
      <c r="C30" s="28" t="s">
        <v>44</v>
      </c>
      <c r="D30" s="19" t="s">
        <v>45</v>
      </c>
      <c r="E30" s="20" t="s">
        <v>48</v>
      </c>
      <c r="F30" s="29" t="s">
        <v>149</v>
      </c>
      <c r="G30" s="29" t="s">
        <v>151</v>
      </c>
      <c r="H30" s="22">
        <v>0</v>
      </c>
      <c r="I30" s="23">
        <v>0</v>
      </c>
      <c r="J30" s="23" t="s">
        <v>39</v>
      </c>
      <c r="K30" s="23" t="s">
        <v>39</v>
      </c>
      <c r="L30" s="23" t="s">
        <v>39</v>
      </c>
      <c r="M30" s="23">
        <v>0</v>
      </c>
      <c r="N30" s="23">
        <v>0</v>
      </c>
      <c r="O30" s="23">
        <v>0</v>
      </c>
      <c r="P30" s="23">
        <v>0</v>
      </c>
      <c r="Q30" s="23">
        <v>0</v>
      </c>
      <c r="R30" s="23">
        <v>0</v>
      </c>
      <c r="S30" s="24">
        <v>0</v>
      </c>
      <c r="T30" s="31" t="s">
        <v>39</v>
      </c>
      <c r="U30" s="25" t="s">
        <v>39</v>
      </c>
      <c r="V30" s="25">
        <v>0</v>
      </c>
      <c r="W30" s="25">
        <v>0</v>
      </c>
      <c r="X30" s="25" t="s">
        <v>39</v>
      </c>
      <c r="Y30" s="26">
        <v>0</v>
      </c>
      <c r="Z30" s="31" t="s">
        <v>39</v>
      </c>
      <c r="AA30" s="23">
        <v>0</v>
      </c>
      <c r="AB30" s="24">
        <v>0</v>
      </c>
      <c r="AC30" s="22">
        <v>0</v>
      </c>
      <c r="AD30" s="27">
        <v>0</v>
      </c>
    </row>
    <row r="31" spans="2:30" ht="36" customHeight="1" x14ac:dyDescent="0.15">
      <c r="B31" s="18">
        <v>28</v>
      </c>
      <c r="C31" s="19" t="s">
        <v>34</v>
      </c>
      <c r="D31" s="19" t="s">
        <v>35</v>
      </c>
      <c r="E31" s="20" t="s">
        <v>46</v>
      </c>
      <c r="F31" s="29" t="s">
        <v>169</v>
      </c>
      <c r="G31" s="29" t="s">
        <v>152</v>
      </c>
      <c r="H31" s="22">
        <v>0</v>
      </c>
      <c r="I31" s="23" t="s">
        <v>39</v>
      </c>
      <c r="J31" s="23" t="s">
        <v>39</v>
      </c>
      <c r="K31" s="23" t="s">
        <v>39</v>
      </c>
      <c r="L31" s="23">
        <v>0</v>
      </c>
      <c r="M31" s="23">
        <v>0</v>
      </c>
      <c r="N31" s="23">
        <v>0</v>
      </c>
      <c r="O31" s="23">
        <v>0</v>
      </c>
      <c r="P31" s="23">
        <v>0</v>
      </c>
      <c r="Q31" s="23">
        <v>0</v>
      </c>
      <c r="R31" s="23">
        <v>0</v>
      </c>
      <c r="S31" s="24">
        <v>0</v>
      </c>
      <c r="T31" s="31">
        <v>0</v>
      </c>
      <c r="U31" s="25" t="s">
        <v>39</v>
      </c>
      <c r="V31" s="25">
        <v>0</v>
      </c>
      <c r="W31" s="25">
        <v>0</v>
      </c>
      <c r="X31" s="25" t="s">
        <v>39</v>
      </c>
      <c r="Y31" s="26">
        <v>0</v>
      </c>
      <c r="Z31" s="31" t="s">
        <v>39</v>
      </c>
      <c r="AA31" s="23">
        <v>0</v>
      </c>
      <c r="AB31" s="24">
        <v>0</v>
      </c>
      <c r="AC31" s="22">
        <v>0</v>
      </c>
      <c r="AD31" s="27">
        <v>0</v>
      </c>
    </row>
    <row r="32" spans="2:30" ht="36" customHeight="1" x14ac:dyDescent="0.15">
      <c r="B32" s="18">
        <v>29</v>
      </c>
      <c r="C32" s="19" t="s">
        <v>34</v>
      </c>
      <c r="D32" s="19" t="s">
        <v>35</v>
      </c>
      <c r="E32" s="20" t="s">
        <v>46</v>
      </c>
      <c r="F32" s="21" t="s">
        <v>153</v>
      </c>
      <c r="G32" s="21" t="s">
        <v>106</v>
      </c>
      <c r="H32" s="22" t="s">
        <v>39</v>
      </c>
      <c r="I32" s="23" t="s">
        <v>39</v>
      </c>
      <c r="J32" s="23" t="s">
        <v>39</v>
      </c>
      <c r="K32" s="23" t="s">
        <v>39</v>
      </c>
      <c r="L32" s="23" t="s">
        <v>39</v>
      </c>
      <c r="M32" s="23">
        <v>0</v>
      </c>
      <c r="N32" s="23">
        <v>0</v>
      </c>
      <c r="O32" s="23">
        <v>0</v>
      </c>
      <c r="P32" s="23">
        <v>0</v>
      </c>
      <c r="Q32" s="23" t="s">
        <v>39</v>
      </c>
      <c r="R32" s="23">
        <v>0</v>
      </c>
      <c r="S32" s="24">
        <v>0</v>
      </c>
      <c r="T32" s="31" t="s">
        <v>39</v>
      </c>
      <c r="U32" s="25">
        <v>0</v>
      </c>
      <c r="V32" s="25">
        <v>0</v>
      </c>
      <c r="W32" s="25" t="s">
        <v>39</v>
      </c>
      <c r="X32" s="25" t="s">
        <v>39</v>
      </c>
      <c r="Y32" s="26">
        <v>0</v>
      </c>
      <c r="Z32" s="31" t="s">
        <v>39</v>
      </c>
      <c r="AA32" s="23">
        <v>0</v>
      </c>
      <c r="AB32" s="24">
        <v>0</v>
      </c>
      <c r="AC32" s="22">
        <v>0</v>
      </c>
      <c r="AD32" s="27">
        <v>0</v>
      </c>
    </row>
    <row r="33" spans="2:32" ht="36" customHeight="1" x14ac:dyDescent="0.15">
      <c r="B33" s="18">
        <v>30</v>
      </c>
      <c r="C33" s="28" t="s">
        <v>44</v>
      </c>
      <c r="D33" s="19" t="s">
        <v>45</v>
      </c>
      <c r="E33" s="20" t="s">
        <v>46</v>
      </c>
      <c r="F33" s="21" t="s">
        <v>154</v>
      </c>
      <c r="G33" s="21" t="s">
        <v>155</v>
      </c>
      <c r="H33" s="22">
        <v>0</v>
      </c>
      <c r="I33" s="23" t="s">
        <v>39</v>
      </c>
      <c r="J33" s="23" t="s">
        <v>39</v>
      </c>
      <c r="K33" s="23" t="s">
        <v>39</v>
      </c>
      <c r="L33" s="23">
        <v>0</v>
      </c>
      <c r="M33" s="23">
        <v>0</v>
      </c>
      <c r="N33" s="23">
        <v>0</v>
      </c>
      <c r="O33" s="23">
        <v>0</v>
      </c>
      <c r="P33" s="23">
        <v>0</v>
      </c>
      <c r="Q33" s="23">
        <v>0</v>
      </c>
      <c r="R33" s="23">
        <v>0</v>
      </c>
      <c r="S33" s="24">
        <v>0</v>
      </c>
      <c r="T33" s="31" t="s">
        <v>39</v>
      </c>
      <c r="U33" s="25" t="s">
        <v>39</v>
      </c>
      <c r="V33" s="25">
        <v>0</v>
      </c>
      <c r="W33" s="25" t="s">
        <v>39</v>
      </c>
      <c r="X33" s="25" t="s">
        <v>39</v>
      </c>
      <c r="Y33" s="26">
        <v>0</v>
      </c>
      <c r="Z33" s="31" t="s">
        <v>39</v>
      </c>
      <c r="AA33" s="23" t="s">
        <v>39</v>
      </c>
      <c r="AB33" s="24">
        <v>0</v>
      </c>
      <c r="AC33" s="22" t="s">
        <v>40</v>
      </c>
      <c r="AD33" s="27" t="s">
        <v>40</v>
      </c>
    </row>
    <row r="34" spans="2:32" ht="36" customHeight="1" x14ac:dyDescent="0.15">
      <c r="B34" s="18">
        <v>31</v>
      </c>
      <c r="C34" s="28" t="s">
        <v>44</v>
      </c>
      <c r="D34" s="19" t="s">
        <v>45</v>
      </c>
      <c r="E34" s="20" t="s">
        <v>46</v>
      </c>
      <c r="F34" s="29" t="s">
        <v>61</v>
      </c>
      <c r="G34" s="29" t="s">
        <v>156</v>
      </c>
      <c r="H34" s="22">
        <v>0</v>
      </c>
      <c r="I34" s="23" t="s">
        <v>39</v>
      </c>
      <c r="J34" s="23" t="s">
        <v>39</v>
      </c>
      <c r="K34" s="23" t="s">
        <v>39</v>
      </c>
      <c r="L34" s="23" t="s">
        <v>39</v>
      </c>
      <c r="M34" s="23">
        <v>0</v>
      </c>
      <c r="N34" s="23">
        <v>0</v>
      </c>
      <c r="O34" s="23" t="s">
        <v>40</v>
      </c>
      <c r="P34" s="23" t="s">
        <v>40</v>
      </c>
      <c r="Q34" s="23" t="s">
        <v>40</v>
      </c>
      <c r="R34" s="23" t="s">
        <v>40</v>
      </c>
      <c r="S34" s="24">
        <v>0</v>
      </c>
      <c r="T34" s="31" t="s">
        <v>39</v>
      </c>
      <c r="U34" s="25" t="s">
        <v>39</v>
      </c>
      <c r="V34" s="25">
        <v>0</v>
      </c>
      <c r="W34" s="25">
        <v>0</v>
      </c>
      <c r="X34" s="25" t="s">
        <v>39</v>
      </c>
      <c r="Y34" s="33">
        <v>0</v>
      </c>
      <c r="Z34" s="31" t="s">
        <v>39</v>
      </c>
      <c r="AA34" s="23" t="s">
        <v>39</v>
      </c>
      <c r="AB34" s="24">
        <v>0</v>
      </c>
      <c r="AC34" s="22" t="s">
        <v>40</v>
      </c>
      <c r="AD34" s="27" t="s">
        <v>40</v>
      </c>
    </row>
    <row r="35" spans="2:32" ht="36" customHeight="1" x14ac:dyDescent="0.15">
      <c r="B35" s="18">
        <v>32</v>
      </c>
      <c r="C35" s="28" t="s">
        <v>44</v>
      </c>
      <c r="D35" s="19" t="s">
        <v>45</v>
      </c>
      <c r="E35" s="20" t="s">
        <v>46</v>
      </c>
      <c r="F35" s="29" t="s">
        <v>61</v>
      </c>
      <c r="G35" s="21" t="s">
        <v>157</v>
      </c>
      <c r="H35" s="22">
        <v>0</v>
      </c>
      <c r="I35" s="23" t="s">
        <v>39</v>
      </c>
      <c r="J35" s="23" t="s">
        <v>39</v>
      </c>
      <c r="K35" s="23" t="s">
        <v>39</v>
      </c>
      <c r="L35" s="23">
        <v>0</v>
      </c>
      <c r="M35" s="23" t="s">
        <v>39</v>
      </c>
      <c r="N35" s="23" t="s">
        <v>40</v>
      </c>
      <c r="O35" s="23" t="s">
        <v>39</v>
      </c>
      <c r="P35" s="23" t="s">
        <v>40</v>
      </c>
      <c r="Q35" s="23" t="s">
        <v>40</v>
      </c>
      <c r="R35" s="23" t="s">
        <v>39</v>
      </c>
      <c r="S35" s="24" t="s">
        <v>39</v>
      </c>
      <c r="T35" s="31" t="s">
        <v>39</v>
      </c>
      <c r="U35" s="25" t="s">
        <v>39</v>
      </c>
      <c r="V35" s="25">
        <v>0</v>
      </c>
      <c r="W35" s="25">
        <v>0</v>
      </c>
      <c r="X35" s="25" t="s">
        <v>39</v>
      </c>
      <c r="Y35" s="26">
        <v>0</v>
      </c>
      <c r="Z35" s="31" t="s">
        <v>39</v>
      </c>
      <c r="AA35" s="23" t="s">
        <v>39</v>
      </c>
      <c r="AB35" s="24">
        <v>0</v>
      </c>
      <c r="AC35" s="22" t="s">
        <v>40</v>
      </c>
      <c r="AD35" s="27" t="s">
        <v>40</v>
      </c>
    </row>
    <row r="36" spans="2:32" ht="36" customHeight="1" x14ac:dyDescent="0.15">
      <c r="B36" s="18">
        <v>33</v>
      </c>
      <c r="C36" s="28" t="s">
        <v>44</v>
      </c>
      <c r="D36" s="19" t="s">
        <v>45</v>
      </c>
      <c r="E36" s="20" t="s">
        <v>46</v>
      </c>
      <c r="F36" s="21" t="s">
        <v>158</v>
      </c>
      <c r="G36" s="21" t="s">
        <v>159</v>
      </c>
      <c r="H36" s="22" t="s">
        <v>39</v>
      </c>
      <c r="I36" s="23" t="s">
        <v>39</v>
      </c>
      <c r="J36" s="23" t="s">
        <v>39</v>
      </c>
      <c r="K36" s="23">
        <v>0</v>
      </c>
      <c r="L36" s="23">
        <v>0</v>
      </c>
      <c r="M36" s="23" t="s">
        <v>40</v>
      </c>
      <c r="N36" s="23">
        <v>0</v>
      </c>
      <c r="O36" s="23" t="s">
        <v>39</v>
      </c>
      <c r="P36" s="23" t="s">
        <v>39</v>
      </c>
      <c r="Q36" s="23" t="s">
        <v>39</v>
      </c>
      <c r="R36" s="23" t="s">
        <v>39</v>
      </c>
      <c r="S36" s="24">
        <v>0</v>
      </c>
      <c r="T36" s="31">
        <v>0</v>
      </c>
      <c r="U36" s="25">
        <v>0</v>
      </c>
      <c r="V36" s="25">
        <v>0</v>
      </c>
      <c r="W36" s="25">
        <v>0</v>
      </c>
      <c r="X36" s="25" t="s">
        <v>39</v>
      </c>
      <c r="Y36" s="26">
        <v>0</v>
      </c>
      <c r="Z36" s="31" t="s">
        <v>39</v>
      </c>
      <c r="AA36" s="23" t="s">
        <v>39</v>
      </c>
      <c r="AB36" s="24">
        <v>0</v>
      </c>
      <c r="AC36" s="22">
        <v>0</v>
      </c>
      <c r="AD36" s="27">
        <v>0</v>
      </c>
    </row>
    <row r="37" spans="2:32" ht="36" customHeight="1" x14ac:dyDescent="0.15">
      <c r="B37" s="18">
        <v>34</v>
      </c>
      <c r="C37" s="19" t="s">
        <v>44</v>
      </c>
      <c r="D37" s="19" t="s">
        <v>45</v>
      </c>
      <c r="E37" s="20" t="s">
        <v>46</v>
      </c>
      <c r="F37" s="29" t="s">
        <v>160</v>
      </c>
      <c r="G37" s="29" t="s">
        <v>161</v>
      </c>
      <c r="H37" s="22">
        <v>0</v>
      </c>
      <c r="I37" s="23">
        <v>0</v>
      </c>
      <c r="J37" s="23" t="s">
        <v>39</v>
      </c>
      <c r="K37" s="23" t="s">
        <v>39</v>
      </c>
      <c r="L37" s="23" t="s">
        <v>39</v>
      </c>
      <c r="M37" s="23">
        <v>0</v>
      </c>
      <c r="N37" s="23">
        <v>0</v>
      </c>
      <c r="O37" s="23">
        <v>0</v>
      </c>
      <c r="P37" s="23">
        <v>0</v>
      </c>
      <c r="Q37" s="23">
        <v>0</v>
      </c>
      <c r="R37" s="23">
        <v>0</v>
      </c>
      <c r="S37" s="24">
        <v>0</v>
      </c>
      <c r="T37" s="31" t="s">
        <v>39</v>
      </c>
      <c r="U37" s="25">
        <v>0</v>
      </c>
      <c r="V37" s="25">
        <v>0</v>
      </c>
      <c r="W37" s="25">
        <v>0</v>
      </c>
      <c r="X37" s="25">
        <v>0</v>
      </c>
      <c r="Y37" s="26">
        <v>0</v>
      </c>
      <c r="Z37" s="31" t="s">
        <v>39</v>
      </c>
      <c r="AA37" s="23" t="s">
        <v>39</v>
      </c>
      <c r="AB37" s="24">
        <v>0</v>
      </c>
      <c r="AC37" s="22">
        <v>0</v>
      </c>
      <c r="AD37" s="27">
        <v>0</v>
      </c>
    </row>
    <row r="38" spans="2:32" ht="36" customHeight="1" x14ac:dyDescent="0.15">
      <c r="B38" s="18">
        <v>35</v>
      </c>
      <c r="C38" s="28" t="s">
        <v>44</v>
      </c>
      <c r="D38" s="19" t="s">
        <v>45</v>
      </c>
      <c r="E38" s="20" t="s">
        <v>46</v>
      </c>
      <c r="F38" s="29" t="s">
        <v>162</v>
      </c>
      <c r="G38" s="29" t="s">
        <v>163</v>
      </c>
      <c r="H38" s="22" t="s">
        <v>39</v>
      </c>
      <c r="I38" s="23" t="s">
        <v>39</v>
      </c>
      <c r="J38" s="23" t="s">
        <v>39</v>
      </c>
      <c r="K38" s="23" t="s">
        <v>39</v>
      </c>
      <c r="L38" s="23">
        <v>0</v>
      </c>
      <c r="M38" s="23">
        <v>0</v>
      </c>
      <c r="N38" s="23">
        <v>0</v>
      </c>
      <c r="O38" s="23">
        <v>0</v>
      </c>
      <c r="P38" s="23">
        <v>0</v>
      </c>
      <c r="Q38" s="23" t="s">
        <v>40</v>
      </c>
      <c r="R38" s="23">
        <v>0</v>
      </c>
      <c r="S38" s="24">
        <v>0</v>
      </c>
      <c r="T38" s="31" t="s">
        <v>39</v>
      </c>
      <c r="U38" s="25">
        <v>0</v>
      </c>
      <c r="V38" s="25">
        <v>0</v>
      </c>
      <c r="W38" s="25">
        <v>0</v>
      </c>
      <c r="X38" s="25" t="s">
        <v>39</v>
      </c>
      <c r="Y38" s="26">
        <v>0</v>
      </c>
      <c r="Z38" s="31" t="s">
        <v>39</v>
      </c>
      <c r="AA38" s="23" t="s">
        <v>39</v>
      </c>
      <c r="AB38" s="24">
        <v>0</v>
      </c>
      <c r="AC38" s="22">
        <v>0</v>
      </c>
      <c r="AD38" s="27">
        <v>0</v>
      </c>
    </row>
    <row r="39" spans="2:32" ht="36" customHeight="1" x14ac:dyDescent="0.15">
      <c r="B39" s="18">
        <v>36</v>
      </c>
      <c r="C39" s="28" t="s">
        <v>44</v>
      </c>
      <c r="D39" s="19" t="s">
        <v>45</v>
      </c>
      <c r="E39" s="20" t="s">
        <v>46</v>
      </c>
      <c r="F39" s="21" t="s">
        <v>133</v>
      </c>
      <c r="G39" s="21" t="s">
        <v>164</v>
      </c>
      <c r="H39" s="22">
        <v>0</v>
      </c>
      <c r="I39" s="23" t="s">
        <v>39</v>
      </c>
      <c r="J39" s="23" t="s">
        <v>39</v>
      </c>
      <c r="K39" s="23" t="s">
        <v>39</v>
      </c>
      <c r="L39" s="23">
        <v>0</v>
      </c>
      <c r="M39" s="23">
        <v>0</v>
      </c>
      <c r="N39" s="23">
        <v>0</v>
      </c>
      <c r="O39" s="23">
        <v>0</v>
      </c>
      <c r="P39" s="23">
        <v>0</v>
      </c>
      <c r="Q39" s="23">
        <v>0</v>
      </c>
      <c r="R39" s="23">
        <v>0</v>
      </c>
      <c r="S39" s="24">
        <v>0</v>
      </c>
      <c r="T39" s="31" t="s">
        <v>39</v>
      </c>
      <c r="U39" s="25" t="s">
        <v>39</v>
      </c>
      <c r="V39" s="25">
        <v>0</v>
      </c>
      <c r="W39" s="25" t="s">
        <v>39</v>
      </c>
      <c r="X39" s="25" t="s">
        <v>39</v>
      </c>
      <c r="Y39" s="26">
        <v>0</v>
      </c>
      <c r="Z39" s="31" t="s">
        <v>39</v>
      </c>
      <c r="AA39" s="23" t="s">
        <v>39</v>
      </c>
      <c r="AB39" s="24">
        <v>0</v>
      </c>
      <c r="AC39" s="22" t="s">
        <v>39</v>
      </c>
      <c r="AD39" s="27" t="s">
        <v>40</v>
      </c>
    </row>
    <row r="40" spans="2:32" ht="36" customHeight="1" x14ac:dyDescent="0.15">
      <c r="B40" s="18">
        <v>37</v>
      </c>
      <c r="C40" s="28" t="s">
        <v>44</v>
      </c>
      <c r="D40" s="19" t="s">
        <v>45</v>
      </c>
      <c r="E40" s="20" t="s">
        <v>46</v>
      </c>
      <c r="F40" s="21" t="s">
        <v>145</v>
      </c>
      <c r="G40" s="21" t="s">
        <v>165</v>
      </c>
      <c r="H40" s="22" t="s">
        <v>39</v>
      </c>
      <c r="I40" s="23" t="s">
        <v>39</v>
      </c>
      <c r="J40" s="23" t="s">
        <v>39</v>
      </c>
      <c r="K40" s="23">
        <v>0</v>
      </c>
      <c r="L40" s="23">
        <v>0</v>
      </c>
      <c r="M40" s="23">
        <v>0</v>
      </c>
      <c r="N40" s="23">
        <v>0</v>
      </c>
      <c r="O40" s="23">
        <v>0</v>
      </c>
      <c r="P40" s="23">
        <v>0</v>
      </c>
      <c r="Q40" s="23">
        <v>0</v>
      </c>
      <c r="R40" s="23">
        <v>0</v>
      </c>
      <c r="S40" s="24">
        <v>0</v>
      </c>
      <c r="T40" s="31" t="s">
        <v>39</v>
      </c>
      <c r="U40" s="25" t="s">
        <v>39</v>
      </c>
      <c r="V40" s="25">
        <v>0</v>
      </c>
      <c r="W40" s="25" t="s">
        <v>39</v>
      </c>
      <c r="X40" s="25" t="s">
        <v>39</v>
      </c>
      <c r="Y40" s="26">
        <v>0</v>
      </c>
      <c r="Z40" s="31" t="s">
        <v>39</v>
      </c>
      <c r="AA40" s="23" t="s">
        <v>39</v>
      </c>
      <c r="AB40" s="24">
        <v>0</v>
      </c>
      <c r="AC40" s="22">
        <v>0</v>
      </c>
      <c r="AD40" s="27">
        <v>0</v>
      </c>
    </row>
    <row r="41" spans="2:32" ht="36" customHeight="1" x14ac:dyDescent="0.15">
      <c r="B41" s="18">
        <v>38</v>
      </c>
      <c r="C41" s="28" t="s">
        <v>44</v>
      </c>
      <c r="D41" s="19" t="s">
        <v>45</v>
      </c>
      <c r="E41" s="20" t="s">
        <v>46</v>
      </c>
      <c r="F41" s="21" t="s">
        <v>147</v>
      </c>
      <c r="G41" s="21" t="s">
        <v>166</v>
      </c>
      <c r="H41" s="22">
        <v>0</v>
      </c>
      <c r="I41" s="23" t="s">
        <v>39</v>
      </c>
      <c r="J41" s="23" t="s">
        <v>39</v>
      </c>
      <c r="K41" s="23" t="s">
        <v>39</v>
      </c>
      <c r="L41" s="23" t="s">
        <v>39</v>
      </c>
      <c r="M41" s="23">
        <v>0</v>
      </c>
      <c r="N41" s="23">
        <v>0</v>
      </c>
      <c r="O41" s="23">
        <v>0</v>
      </c>
      <c r="P41" s="23">
        <v>0</v>
      </c>
      <c r="Q41" s="23">
        <v>0</v>
      </c>
      <c r="R41" s="23">
        <v>0</v>
      </c>
      <c r="S41" s="24">
        <v>0</v>
      </c>
      <c r="T41" s="31" t="s">
        <v>39</v>
      </c>
      <c r="U41" s="25">
        <v>0</v>
      </c>
      <c r="V41" s="25">
        <v>0</v>
      </c>
      <c r="W41" s="25">
        <v>0</v>
      </c>
      <c r="X41" s="25" t="s">
        <v>39</v>
      </c>
      <c r="Y41" s="26" t="s">
        <v>39</v>
      </c>
      <c r="Z41" s="31" t="s">
        <v>39</v>
      </c>
      <c r="AA41" s="23" t="s">
        <v>39</v>
      </c>
      <c r="AB41" s="24">
        <v>0</v>
      </c>
      <c r="AC41" s="22">
        <v>0</v>
      </c>
      <c r="AD41" s="27" t="s">
        <v>40</v>
      </c>
    </row>
    <row r="42" spans="2:32" ht="36" customHeight="1" x14ac:dyDescent="0.15">
      <c r="B42" s="18">
        <v>39</v>
      </c>
      <c r="C42" s="28" t="s">
        <v>34</v>
      </c>
      <c r="D42" s="19" t="s">
        <v>35</v>
      </c>
      <c r="E42" s="20" t="s">
        <v>41</v>
      </c>
      <c r="F42" s="29" t="s">
        <v>42</v>
      </c>
      <c r="G42" s="29" t="s">
        <v>43</v>
      </c>
      <c r="H42" s="22">
        <v>0</v>
      </c>
      <c r="I42" s="25">
        <v>0</v>
      </c>
      <c r="J42" s="23" t="s">
        <v>39</v>
      </c>
      <c r="K42" s="23" t="s">
        <v>39</v>
      </c>
      <c r="L42" s="23" t="s">
        <v>39</v>
      </c>
      <c r="M42" s="23">
        <v>0</v>
      </c>
      <c r="N42" s="23">
        <v>0</v>
      </c>
      <c r="O42" s="23">
        <v>0</v>
      </c>
      <c r="P42" s="23">
        <v>0</v>
      </c>
      <c r="Q42" s="23">
        <v>0</v>
      </c>
      <c r="R42" s="23">
        <v>0</v>
      </c>
      <c r="S42" s="24">
        <v>0</v>
      </c>
      <c r="T42" s="31" t="s">
        <v>39</v>
      </c>
      <c r="U42" s="25">
        <v>0</v>
      </c>
      <c r="V42" s="25">
        <v>0</v>
      </c>
      <c r="W42" s="25">
        <v>0</v>
      </c>
      <c r="X42" s="25" t="s">
        <v>39</v>
      </c>
      <c r="Y42" s="26" t="s">
        <v>39</v>
      </c>
      <c r="Z42" s="31" t="s">
        <v>39</v>
      </c>
      <c r="AA42" s="23" t="s">
        <v>39</v>
      </c>
      <c r="AB42" s="24">
        <v>0</v>
      </c>
      <c r="AC42" s="22">
        <v>0</v>
      </c>
      <c r="AD42" s="27" t="s">
        <v>40</v>
      </c>
    </row>
    <row r="43" spans="2:32" ht="36" customHeight="1" x14ac:dyDescent="0.15">
      <c r="B43" s="18">
        <v>40</v>
      </c>
      <c r="C43" s="28" t="s">
        <v>34</v>
      </c>
      <c r="D43" s="19" t="s">
        <v>35</v>
      </c>
      <c r="E43" s="20" t="s">
        <v>41</v>
      </c>
      <c r="F43" s="21" t="s">
        <v>37</v>
      </c>
      <c r="G43" s="21" t="s">
        <v>66</v>
      </c>
      <c r="H43" s="22">
        <v>0</v>
      </c>
      <c r="I43" s="23" t="s">
        <v>39</v>
      </c>
      <c r="J43" s="23" t="s">
        <v>39</v>
      </c>
      <c r="K43" s="23">
        <v>0</v>
      </c>
      <c r="L43" s="23">
        <v>0</v>
      </c>
      <c r="M43" s="23" t="s">
        <v>40</v>
      </c>
      <c r="N43" s="23" t="s">
        <v>40</v>
      </c>
      <c r="O43" s="23" t="s">
        <v>40</v>
      </c>
      <c r="P43" s="23" t="s">
        <v>40</v>
      </c>
      <c r="Q43" s="23" t="s">
        <v>40</v>
      </c>
      <c r="R43" s="23" t="s">
        <v>40</v>
      </c>
      <c r="S43" s="24" t="s">
        <v>40</v>
      </c>
      <c r="T43" s="31" t="s">
        <v>40</v>
      </c>
      <c r="U43" s="25" t="s">
        <v>39</v>
      </c>
      <c r="V43" s="25">
        <v>0</v>
      </c>
      <c r="W43" s="25" t="s">
        <v>39</v>
      </c>
      <c r="X43" s="25" t="s">
        <v>39</v>
      </c>
      <c r="Y43" s="26">
        <v>0</v>
      </c>
      <c r="Z43" s="31" t="s">
        <v>39</v>
      </c>
      <c r="AA43" s="23" t="s">
        <v>39</v>
      </c>
      <c r="AB43" s="24">
        <v>0</v>
      </c>
      <c r="AC43" s="22" t="s">
        <v>39</v>
      </c>
      <c r="AD43" s="27" t="s">
        <v>40</v>
      </c>
    </row>
    <row r="44" spans="2:32" ht="36" customHeight="1" x14ac:dyDescent="0.15">
      <c r="B44" s="18">
        <v>41</v>
      </c>
      <c r="C44" s="28" t="s">
        <v>34</v>
      </c>
      <c r="D44" s="19" t="s">
        <v>35</v>
      </c>
      <c r="E44" s="20" t="s">
        <v>41</v>
      </c>
      <c r="F44" s="21" t="s">
        <v>67</v>
      </c>
      <c r="G44" s="21" t="s">
        <v>69</v>
      </c>
      <c r="H44" s="22" t="s">
        <v>39</v>
      </c>
      <c r="I44" s="23" t="s">
        <v>39</v>
      </c>
      <c r="J44" s="23" t="s">
        <v>39</v>
      </c>
      <c r="K44" s="23">
        <v>0</v>
      </c>
      <c r="L44" s="23">
        <v>0</v>
      </c>
      <c r="M44" s="23" t="s">
        <v>40</v>
      </c>
      <c r="N44" s="23" t="s">
        <v>40</v>
      </c>
      <c r="O44" s="23" t="s">
        <v>40</v>
      </c>
      <c r="P44" s="23" t="s">
        <v>40</v>
      </c>
      <c r="Q44" s="23" t="s">
        <v>40</v>
      </c>
      <c r="R44" s="23" t="s">
        <v>40</v>
      </c>
      <c r="S44" s="24" t="s">
        <v>40</v>
      </c>
      <c r="T44" s="31">
        <v>0</v>
      </c>
      <c r="U44" s="25" t="s">
        <v>39</v>
      </c>
      <c r="V44" s="25">
        <v>0</v>
      </c>
      <c r="W44" s="25">
        <v>0</v>
      </c>
      <c r="X44" s="25" t="s">
        <v>39</v>
      </c>
      <c r="Y44" s="26" t="s">
        <v>39</v>
      </c>
      <c r="Z44" s="31" t="s">
        <v>39</v>
      </c>
      <c r="AA44" s="23" t="s">
        <v>39</v>
      </c>
      <c r="AB44" s="24">
        <v>0</v>
      </c>
      <c r="AC44" s="22">
        <v>0</v>
      </c>
      <c r="AD44" s="27">
        <v>0</v>
      </c>
    </row>
    <row r="45" spans="2:32" ht="36" customHeight="1" x14ac:dyDescent="0.15">
      <c r="B45" s="18">
        <v>42</v>
      </c>
      <c r="C45" s="19" t="s">
        <v>34</v>
      </c>
      <c r="D45" s="19" t="s">
        <v>35</v>
      </c>
      <c r="E45" s="20" t="s">
        <v>41</v>
      </c>
      <c r="F45" s="29" t="s">
        <v>90</v>
      </c>
      <c r="G45" s="29" t="s">
        <v>91</v>
      </c>
      <c r="H45" s="22">
        <v>0</v>
      </c>
      <c r="I45" s="23">
        <v>0</v>
      </c>
      <c r="J45" s="23" t="s">
        <v>39</v>
      </c>
      <c r="K45" s="23" t="s">
        <v>39</v>
      </c>
      <c r="L45" s="23" t="s">
        <v>39</v>
      </c>
      <c r="M45" s="23">
        <v>0</v>
      </c>
      <c r="N45" s="23">
        <v>0</v>
      </c>
      <c r="O45" s="23">
        <v>0</v>
      </c>
      <c r="P45" s="23" t="s">
        <v>39</v>
      </c>
      <c r="Q45" s="23" t="s">
        <v>39</v>
      </c>
      <c r="R45" s="23">
        <v>0</v>
      </c>
      <c r="S45" s="24" t="s">
        <v>40</v>
      </c>
      <c r="T45" s="31" t="s">
        <v>39</v>
      </c>
      <c r="U45" s="25" t="s">
        <v>39</v>
      </c>
      <c r="V45" s="25">
        <v>0</v>
      </c>
      <c r="W45" s="25">
        <v>0</v>
      </c>
      <c r="X45" s="25" t="s">
        <v>39</v>
      </c>
      <c r="Y45" s="26">
        <v>0</v>
      </c>
      <c r="Z45" s="31" t="s">
        <v>39</v>
      </c>
      <c r="AA45" s="23">
        <v>0</v>
      </c>
      <c r="AB45" s="24">
        <v>0</v>
      </c>
      <c r="AC45" s="22" t="s">
        <v>39</v>
      </c>
      <c r="AD45" s="27" t="s">
        <v>39</v>
      </c>
    </row>
    <row r="46" spans="2:32" ht="36" customHeight="1" x14ac:dyDescent="0.15">
      <c r="B46" s="18">
        <v>43</v>
      </c>
      <c r="C46" s="28" t="s">
        <v>34</v>
      </c>
      <c r="D46" s="19" t="s">
        <v>35</v>
      </c>
      <c r="E46" s="20" t="s">
        <v>41</v>
      </c>
      <c r="F46" s="21" t="s">
        <v>124</v>
      </c>
      <c r="G46" s="21" t="s">
        <v>125</v>
      </c>
      <c r="H46" s="22" t="s">
        <v>40</v>
      </c>
      <c r="I46" s="23" t="s">
        <v>39</v>
      </c>
      <c r="J46" s="23" t="s">
        <v>39</v>
      </c>
      <c r="K46" s="23" t="s">
        <v>39</v>
      </c>
      <c r="L46" s="23" t="s">
        <v>40</v>
      </c>
      <c r="M46" s="23">
        <v>0</v>
      </c>
      <c r="N46" s="23">
        <v>0</v>
      </c>
      <c r="O46" s="23">
        <v>0</v>
      </c>
      <c r="P46" s="23" t="s">
        <v>40</v>
      </c>
      <c r="Q46" s="23" t="s">
        <v>40</v>
      </c>
      <c r="R46" s="23">
        <v>0</v>
      </c>
      <c r="S46" s="24">
        <v>0</v>
      </c>
      <c r="T46" s="31">
        <v>0</v>
      </c>
      <c r="U46" s="25" t="s">
        <v>39</v>
      </c>
      <c r="V46" s="25">
        <v>0</v>
      </c>
      <c r="W46" s="25" t="s">
        <v>39</v>
      </c>
      <c r="X46" s="25" t="s">
        <v>39</v>
      </c>
      <c r="Y46" s="26">
        <v>0</v>
      </c>
      <c r="Z46" s="31" t="s">
        <v>39</v>
      </c>
      <c r="AA46" s="23">
        <v>0</v>
      </c>
      <c r="AB46" s="24">
        <v>0</v>
      </c>
      <c r="AC46" s="22" t="s">
        <v>39</v>
      </c>
      <c r="AD46" s="27" t="s">
        <v>40</v>
      </c>
      <c r="AE46" s="1"/>
      <c r="AF46" s="1"/>
    </row>
    <row r="47" spans="2:32" ht="36" customHeight="1" x14ac:dyDescent="0.15">
      <c r="B47" s="18">
        <v>44</v>
      </c>
      <c r="C47" s="60" t="str">
        <f>'[3]１講師情報'!C1</f>
        <v>B</v>
      </c>
      <c r="D47" s="60" t="str">
        <f>'[3]１講師情報'!C7</f>
        <v>ＮＰＯ法人等</v>
      </c>
      <c r="E47" s="61" t="str">
        <f>'[3]１講師情報'!C4</f>
        <v>廃棄物・資源循環</v>
      </c>
      <c r="F47" s="61" t="str">
        <f>'[3]１講師情報'!C9</f>
        <v>みちくさラボ</v>
      </c>
      <c r="G47" s="61" t="str">
        <f>'[3]１講師情報'!C3</f>
        <v>ふれあって学ぶ！ヤギと地球のSDGs大作戦</v>
      </c>
      <c r="H47" s="22" t="str">
        <f>'[3]２授業情報'!B8</f>
        <v>○</v>
      </c>
      <c r="I47" s="23" t="str">
        <f>'[3]２授業情報'!C8</f>
        <v>○</v>
      </c>
      <c r="J47" s="23" t="str">
        <f>'[3]２授業情報'!D8</f>
        <v>○</v>
      </c>
      <c r="K47" s="23" t="str">
        <f>'[3]２授業情報'!E8</f>
        <v>○</v>
      </c>
      <c r="L47" s="23" t="str">
        <f>'[3]２授業情報'!F8</f>
        <v>○</v>
      </c>
      <c r="M47" s="23" t="str">
        <f>'[3]２授業情報'!G8</f>
        <v>○</v>
      </c>
      <c r="N47" s="23" t="str">
        <f>'[3]２授業情報'!H8</f>
        <v>○</v>
      </c>
      <c r="O47" s="23" t="str">
        <f>'[3]２授業情報'!I8</f>
        <v>○</v>
      </c>
      <c r="P47" s="23" t="str">
        <f>'[3]２授業情報'!J8</f>
        <v>○</v>
      </c>
      <c r="Q47" s="23" t="str">
        <f>'[3]２授業情報'!K8</f>
        <v>○</v>
      </c>
      <c r="R47" s="23" t="str">
        <f>'[3]２授業情報'!L8</f>
        <v>○</v>
      </c>
      <c r="S47" s="24" t="str">
        <f>'[3]２授業情報'!M8</f>
        <v>○</v>
      </c>
      <c r="T47" s="31" t="str">
        <f>'[3]２授業情報'!N8</f>
        <v>○</v>
      </c>
      <c r="U47" s="25" t="str">
        <f>'[3]２授業情報'!O8</f>
        <v>○</v>
      </c>
      <c r="V47" s="25" t="str">
        <f>'[3]２授業情報'!P8</f>
        <v>○</v>
      </c>
      <c r="W47" s="25">
        <f>'[3]２授業情報'!Q8</f>
        <v>0</v>
      </c>
      <c r="X47" s="25" t="str">
        <f>'[3]２授業情報'!R8</f>
        <v>○</v>
      </c>
      <c r="Y47" s="26" t="str">
        <f>'[3]２授業情報'!S8</f>
        <v>○</v>
      </c>
      <c r="Z47" s="31">
        <f>'[3]２授業情報'!T8</f>
        <v>0</v>
      </c>
      <c r="AA47" s="23" t="str">
        <f>'[3]２授業情報'!U8</f>
        <v>○</v>
      </c>
      <c r="AB47" s="24">
        <f>'[3]２授業情報'!V8</f>
        <v>0</v>
      </c>
      <c r="AC47" s="22">
        <f>'[3]２授業情報'!W8</f>
        <v>0</v>
      </c>
      <c r="AD47" s="24" t="str">
        <f>'[3]２授業情報'!X8</f>
        <v>相談</v>
      </c>
    </row>
    <row r="48" spans="2:32" ht="36" customHeight="1" x14ac:dyDescent="0.15">
      <c r="B48" s="18">
        <v>45</v>
      </c>
      <c r="C48" s="28" t="s">
        <v>44</v>
      </c>
      <c r="D48" s="19" t="s">
        <v>45</v>
      </c>
      <c r="E48" s="20" t="s">
        <v>41</v>
      </c>
      <c r="F48" s="21" t="s">
        <v>54</v>
      </c>
      <c r="G48" s="29" t="s">
        <v>56</v>
      </c>
      <c r="H48" s="22" t="s">
        <v>39</v>
      </c>
      <c r="I48" s="23" t="s">
        <v>39</v>
      </c>
      <c r="J48" s="23" t="s">
        <v>39</v>
      </c>
      <c r="K48" s="23" t="s">
        <v>39</v>
      </c>
      <c r="L48" s="23" t="s">
        <v>39</v>
      </c>
      <c r="M48" s="23" t="s">
        <v>39</v>
      </c>
      <c r="N48" s="23">
        <v>0</v>
      </c>
      <c r="O48" s="23" t="s">
        <v>39</v>
      </c>
      <c r="P48" s="23">
        <v>0</v>
      </c>
      <c r="Q48" s="23">
        <v>0</v>
      </c>
      <c r="R48" s="23" t="s">
        <v>39</v>
      </c>
      <c r="S48" s="24">
        <v>0</v>
      </c>
      <c r="T48" s="31" t="s">
        <v>39</v>
      </c>
      <c r="U48" s="25" t="s">
        <v>39</v>
      </c>
      <c r="V48" s="25">
        <v>0</v>
      </c>
      <c r="W48" s="25">
        <v>0</v>
      </c>
      <c r="X48" s="25" t="s">
        <v>39</v>
      </c>
      <c r="Y48" s="26">
        <v>0</v>
      </c>
      <c r="Z48" s="31" t="s">
        <v>39</v>
      </c>
      <c r="AA48" s="23" t="s">
        <v>39</v>
      </c>
      <c r="AB48" s="24" t="s">
        <v>39</v>
      </c>
      <c r="AC48" s="22" t="s">
        <v>39</v>
      </c>
      <c r="AD48" s="27" t="s">
        <v>39</v>
      </c>
    </row>
    <row r="49" spans="2:30" ht="36" customHeight="1" x14ac:dyDescent="0.15">
      <c r="B49" s="18">
        <v>46</v>
      </c>
      <c r="C49" s="28" t="s">
        <v>44</v>
      </c>
      <c r="D49" s="19" t="s">
        <v>45</v>
      </c>
      <c r="E49" s="20" t="s">
        <v>41</v>
      </c>
      <c r="F49" s="21" t="s">
        <v>54</v>
      </c>
      <c r="G49" s="21" t="s">
        <v>57</v>
      </c>
      <c r="H49" s="22" t="s">
        <v>39</v>
      </c>
      <c r="I49" s="23" t="s">
        <v>39</v>
      </c>
      <c r="J49" s="23" t="s">
        <v>39</v>
      </c>
      <c r="K49" s="23" t="s">
        <v>39</v>
      </c>
      <c r="L49" s="23" t="s">
        <v>39</v>
      </c>
      <c r="M49" s="23" t="s">
        <v>39</v>
      </c>
      <c r="N49" s="23">
        <v>0</v>
      </c>
      <c r="O49" s="23" t="s">
        <v>39</v>
      </c>
      <c r="P49" s="23">
        <v>0</v>
      </c>
      <c r="Q49" s="23">
        <v>0</v>
      </c>
      <c r="R49" s="23" t="s">
        <v>39</v>
      </c>
      <c r="S49" s="24">
        <v>0</v>
      </c>
      <c r="T49" s="31" t="s">
        <v>39</v>
      </c>
      <c r="U49" s="25" t="s">
        <v>39</v>
      </c>
      <c r="V49" s="25">
        <v>0</v>
      </c>
      <c r="W49" s="25">
        <v>0</v>
      </c>
      <c r="X49" s="25" t="s">
        <v>39</v>
      </c>
      <c r="Y49" s="26">
        <v>0</v>
      </c>
      <c r="Z49" s="31" t="s">
        <v>39</v>
      </c>
      <c r="AA49" s="23" t="s">
        <v>39</v>
      </c>
      <c r="AB49" s="24" t="s">
        <v>39</v>
      </c>
      <c r="AC49" s="22" t="s">
        <v>39</v>
      </c>
      <c r="AD49" s="27" t="s">
        <v>39</v>
      </c>
    </row>
    <row r="50" spans="2:30" ht="36" customHeight="1" x14ac:dyDescent="0.15">
      <c r="B50" s="18">
        <v>47</v>
      </c>
      <c r="C50" s="28" t="s">
        <v>44</v>
      </c>
      <c r="D50" s="19" t="s">
        <v>45</v>
      </c>
      <c r="E50" s="20" t="s">
        <v>41</v>
      </c>
      <c r="F50" s="29" t="s">
        <v>80</v>
      </c>
      <c r="G50" s="29" t="s">
        <v>81</v>
      </c>
      <c r="H50" s="22" t="s">
        <v>39</v>
      </c>
      <c r="I50" s="23" t="s">
        <v>39</v>
      </c>
      <c r="J50" s="23" t="s">
        <v>39</v>
      </c>
      <c r="K50" s="23" t="s">
        <v>40</v>
      </c>
      <c r="L50" s="23">
        <v>0</v>
      </c>
      <c r="M50" s="23" t="s">
        <v>40</v>
      </c>
      <c r="N50" s="23">
        <v>0</v>
      </c>
      <c r="O50" s="23">
        <v>0</v>
      </c>
      <c r="P50" s="23">
        <v>0</v>
      </c>
      <c r="Q50" s="23" t="s">
        <v>40</v>
      </c>
      <c r="R50" s="23">
        <v>0</v>
      </c>
      <c r="S50" s="24">
        <v>0</v>
      </c>
      <c r="T50" s="31" t="s">
        <v>40</v>
      </c>
      <c r="U50" s="25">
        <v>0</v>
      </c>
      <c r="V50" s="25">
        <v>0</v>
      </c>
      <c r="W50" s="25">
        <v>0</v>
      </c>
      <c r="X50" s="25" t="s">
        <v>39</v>
      </c>
      <c r="Y50" s="26">
        <v>0</v>
      </c>
      <c r="Z50" s="31" t="s">
        <v>39</v>
      </c>
      <c r="AA50" s="23" t="s">
        <v>39</v>
      </c>
      <c r="AB50" s="24">
        <v>0</v>
      </c>
      <c r="AC50" s="22">
        <v>0</v>
      </c>
      <c r="AD50" s="27">
        <v>0</v>
      </c>
    </row>
    <row r="51" spans="2:30" ht="36" customHeight="1" x14ac:dyDescent="0.15">
      <c r="B51" s="18">
        <v>48</v>
      </c>
      <c r="C51" s="28" t="s">
        <v>44</v>
      </c>
      <c r="D51" s="19" t="s">
        <v>45</v>
      </c>
      <c r="E51" s="20" t="s">
        <v>41</v>
      </c>
      <c r="F51" s="29" t="s">
        <v>82</v>
      </c>
      <c r="G51" s="21" t="s">
        <v>83</v>
      </c>
      <c r="H51" s="22">
        <v>0</v>
      </c>
      <c r="I51" s="23">
        <v>0</v>
      </c>
      <c r="J51" s="23" t="s">
        <v>39</v>
      </c>
      <c r="K51" s="23" t="s">
        <v>39</v>
      </c>
      <c r="L51" s="23" t="s">
        <v>39</v>
      </c>
      <c r="M51" s="23">
        <v>0</v>
      </c>
      <c r="N51" s="23">
        <v>0</v>
      </c>
      <c r="O51" s="23">
        <v>0</v>
      </c>
      <c r="P51" s="23">
        <v>0</v>
      </c>
      <c r="Q51" s="23">
        <v>0</v>
      </c>
      <c r="R51" s="23">
        <v>0</v>
      </c>
      <c r="S51" s="24">
        <v>0</v>
      </c>
      <c r="T51" s="31" t="s">
        <v>39</v>
      </c>
      <c r="U51" s="25">
        <v>0</v>
      </c>
      <c r="V51" s="25">
        <v>0</v>
      </c>
      <c r="W51" s="25" t="s">
        <v>39</v>
      </c>
      <c r="X51" s="25">
        <v>0</v>
      </c>
      <c r="Y51" s="26">
        <v>0</v>
      </c>
      <c r="Z51" s="31" t="s">
        <v>39</v>
      </c>
      <c r="AA51" s="23">
        <v>0</v>
      </c>
      <c r="AB51" s="24">
        <v>0</v>
      </c>
      <c r="AC51" s="22">
        <v>0</v>
      </c>
      <c r="AD51" s="27">
        <v>0</v>
      </c>
    </row>
    <row r="52" spans="2:30" ht="36" customHeight="1" x14ac:dyDescent="0.15">
      <c r="B52" s="18">
        <v>49</v>
      </c>
      <c r="C52" s="28" t="s">
        <v>44</v>
      </c>
      <c r="D52" s="19" t="s">
        <v>45</v>
      </c>
      <c r="E52" s="20" t="s">
        <v>41</v>
      </c>
      <c r="F52" s="21" t="s">
        <v>82</v>
      </c>
      <c r="G52" s="21" t="s">
        <v>84</v>
      </c>
      <c r="H52" s="22">
        <v>0</v>
      </c>
      <c r="I52" s="23">
        <v>0</v>
      </c>
      <c r="J52" s="23" t="s">
        <v>39</v>
      </c>
      <c r="K52" s="23" t="s">
        <v>39</v>
      </c>
      <c r="L52" s="23" t="s">
        <v>39</v>
      </c>
      <c r="M52" s="23">
        <v>0</v>
      </c>
      <c r="N52" s="23">
        <v>0</v>
      </c>
      <c r="O52" s="23">
        <v>0</v>
      </c>
      <c r="P52" s="23">
        <v>0</v>
      </c>
      <c r="Q52" s="23">
        <v>0</v>
      </c>
      <c r="R52" s="23">
        <v>0</v>
      </c>
      <c r="S52" s="24">
        <v>0</v>
      </c>
      <c r="T52" s="31" t="s">
        <v>39</v>
      </c>
      <c r="U52" s="25">
        <v>0</v>
      </c>
      <c r="V52" s="25">
        <v>0</v>
      </c>
      <c r="W52" s="25" t="s">
        <v>39</v>
      </c>
      <c r="X52" s="25">
        <v>0</v>
      </c>
      <c r="Y52" s="26">
        <v>0</v>
      </c>
      <c r="Z52" s="31" t="s">
        <v>39</v>
      </c>
      <c r="AA52" s="23" t="s">
        <v>39</v>
      </c>
      <c r="AB52" s="24">
        <v>0</v>
      </c>
      <c r="AC52" s="22">
        <v>0</v>
      </c>
      <c r="AD52" s="27">
        <v>0</v>
      </c>
    </row>
    <row r="53" spans="2:30" ht="36" customHeight="1" x14ac:dyDescent="0.15">
      <c r="B53" s="18">
        <v>50</v>
      </c>
      <c r="C53" s="28" t="s">
        <v>44</v>
      </c>
      <c r="D53" s="19" t="s">
        <v>45</v>
      </c>
      <c r="E53" s="20" t="s">
        <v>41</v>
      </c>
      <c r="F53" s="21" t="s">
        <v>82</v>
      </c>
      <c r="G53" s="21" t="s">
        <v>85</v>
      </c>
      <c r="H53" s="22">
        <v>0</v>
      </c>
      <c r="I53" s="23" t="s">
        <v>39</v>
      </c>
      <c r="J53" s="23" t="s">
        <v>39</v>
      </c>
      <c r="K53" s="23">
        <v>0</v>
      </c>
      <c r="L53" s="23">
        <v>0</v>
      </c>
      <c r="M53" s="23">
        <v>0</v>
      </c>
      <c r="N53" s="23">
        <v>0</v>
      </c>
      <c r="O53" s="23">
        <v>0</v>
      </c>
      <c r="P53" s="23">
        <v>0</v>
      </c>
      <c r="Q53" s="23">
        <v>0</v>
      </c>
      <c r="R53" s="23">
        <v>0</v>
      </c>
      <c r="S53" s="24">
        <v>0</v>
      </c>
      <c r="T53" s="31" t="s">
        <v>39</v>
      </c>
      <c r="U53" s="25">
        <v>0</v>
      </c>
      <c r="V53" s="25">
        <v>0</v>
      </c>
      <c r="W53" s="25">
        <v>0</v>
      </c>
      <c r="X53" s="25">
        <v>0</v>
      </c>
      <c r="Y53" s="26">
        <v>0</v>
      </c>
      <c r="Z53" s="31" t="s">
        <v>39</v>
      </c>
      <c r="AA53" s="23" t="s">
        <v>39</v>
      </c>
      <c r="AB53" s="24">
        <v>0</v>
      </c>
      <c r="AC53" s="22">
        <v>0</v>
      </c>
      <c r="AD53" s="27">
        <v>0</v>
      </c>
    </row>
    <row r="54" spans="2:30" ht="36" customHeight="1" x14ac:dyDescent="0.15">
      <c r="B54" s="18">
        <v>51</v>
      </c>
      <c r="C54" s="28" t="s">
        <v>44</v>
      </c>
      <c r="D54" s="19" t="s">
        <v>45</v>
      </c>
      <c r="E54" s="20" t="s">
        <v>41</v>
      </c>
      <c r="F54" s="29" t="s">
        <v>94</v>
      </c>
      <c r="G54" s="21" t="s">
        <v>96</v>
      </c>
      <c r="H54" s="22">
        <v>0</v>
      </c>
      <c r="I54" s="23">
        <v>0</v>
      </c>
      <c r="J54" s="23" t="s">
        <v>39</v>
      </c>
      <c r="K54" s="23" t="s">
        <v>39</v>
      </c>
      <c r="L54" s="23" t="s">
        <v>39</v>
      </c>
      <c r="M54" s="23">
        <v>0</v>
      </c>
      <c r="N54" s="23">
        <v>0</v>
      </c>
      <c r="O54" s="23" t="s">
        <v>39</v>
      </c>
      <c r="P54" s="23" t="s">
        <v>39</v>
      </c>
      <c r="Q54" s="23" t="s">
        <v>39</v>
      </c>
      <c r="R54" s="23" t="s">
        <v>39</v>
      </c>
      <c r="S54" s="24" t="s">
        <v>39</v>
      </c>
      <c r="T54" s="31" t="s">
        <v>39</v>
      </c>
      <c r="U54" s="25" t="s">
        <v>39</v>
      </c>
      <c r="V54" s="25">
        <v>0</v>
      </c>
      <c r="W54" s="25" t="s">
        <v>39</v>
      </c>
      <c r="X54" s="25" t="s">
        <v>39</v>
      </c>
      <c r="Y54" s="26">
        <v>0</v>
      </c>
      <c r="Z54" s="31" t="s">
        <v>39</v>
      </c>
      <c r="AA54" s="23" t="s">
        <v>39</v>
      </c>
      <c r="AB54" s="24">
        <v>0</v>
      </c>
      <c r="AC54" s="22">
        <v>0</v>
      </c>
      <c r="AD54" s="27">
        <v>0</v>
      </c>
    </row>
    <row r="55" spans="2:30" ht="36" customHeight="1" x14ac:dyDescent="0.15">
      <c r="B55" s="18">
        <v>52</v>
      </c>
      <c r="C55" s="19" t="s">
        <v>44</v>
      </c>
      <c r="D55" s="19" t="s">
        <v>45</v>
      </c>
      <c r="E55" s="20" t="s">
        <v>41</v>
      </c>
      <c r="F55" s="21" t="s">
        <v>97</v>
      </c>
      <c r="G55" s="21" t="s">
        <v>98</v>
      </c>
      <c r="H55" s="22">
        <v>0</v>
      </c>
      <c r="I55" s="23">
        <v>0</v>
      </c>
      <c r="J55" s="23" t="s">
        <v>39</v>
      </c>
      <c r="K55" s="23" t="s">
        <v>39</v>
      </c>
      <c r="L55" s="23" t="s">
        <v>39</v>
      </c>
      <c r="M55" s="23">
        <v>0</v>
      </c>
      <c r="N55" s="23">
        <v>0</v>
      </c>
      <c r="O55" s="23">
        <v>0</v>
      </c>
      <c r="P55" s="23" t="s">
        <v>39</v>
      </c>
      <c r="Q55" s="23" t="s">
        <v>39</v>
      </c>
      <c r="R55" s="23" t="s">
        <v>39</v>
      </c>
      <c r="S55" s="24" t="s">
        <v>39</v>
      </c>
      <c r="T55" s="31" t="s">
        <v>39</v>
      </c>
      <c r="U55" s="25" t="s">
        <v>39</v>
      </c>
      <c r="V55" s="25">
        <v>0</v>
      </c>
      <c r="W55" s="25" t="s">
        <v>39</v>
      </c>
      <c r="X55" s="25" t="s">
        <v>39</v>
      </c>
      <c r="Y55" s="26">
        <v>0</v>
      </c>
      <c r="Z55" s="31" t="s">
        <v>39</v>
      </c>
      <c r="AA55" s="23" t="s">
        <v>39</v>
      </c>
      <c r="AB55" s="24">
        <v>0</v>
      </c>
      <c r="AC55" s="22">
        <v>0</v>
      </c>
      <c r="AD55" s="27">
        <v>0</v>
      </c>
    </row>
    <row r="56" spans="2:30" ht="36" customHeight="1" x14ac:dyDescent="0.15">
      <c r="B56" s="18">
        <v>53</v>
      </c>
      <c r="C56" s="28" t="s">
        <v>44</v>
      </c>
      <c r="D56" s="19" t="s">
        <v>45</v>
      </c>
      <c r="E56" s="20" t="s">
        <v>41</v>
      </c>
      <c r="F56" s="29" t="s">
        <v>170</v>
      </c>
      <c r="G56" s="29" t="s">
        <v>101</v>
      </c>
      <c r="H56" s="22">
        <v>0</v>
      </c>
      <c r="I56" s="23">
        <v>0</v>
      </c>
      <c r="J56" s="23" t="s">
        <v>39</v>
      </c>
      <c r="K56" s="23" t="s">
        <v>39</v>
      </c>
      <c r="L56" s="23" t="s">
        <v>39</v>
      </c>
      <c r="M56" s="23">
        <v>0</v>
      </c>
      <c r="N56" s="23">
        <v>0</v>
      </c>
      <c r="O56" s="23">
        <v>0</v>
      </c>
      <c r="P56" s="23">
        <v>0</v>
      </c>
      <c r="Q56" s="23">
        <v>0</v>
      </c>
      <c r="R56" s="23">
        <v>0</v>
      </c>
      <c r="S56" s="24">
        <v>0</v>
      </c>
      <c r="T56" s="31">
        <v>0</v>
      </c>
      <c r="U56" s="25" t="s">
        <v>39</v>
      </c>
      <c r="V56" s="25">
        <v>0</v>
      </c>
      <c r="W56" s="25" t="s">
        <v>39</v>
      </c>
      <c r="X56" s="25" t="s">
        <v>39</v>
      </c>
      <c r="Y56" s="26">
        <v>0</v>
      </c>
      <c r="Z56" s="31">
        <v>0</v>
      </c>
      <c r="AA56" s="23">
        <v>0</v>
      </c>
      <c r="AB56" s="24">
        <v>0</v>
      </c>
      <c r="AC56" s="22">
        <v>0</v>
      </c>
      <c r="AD56" s="27">
        <v>0</v>
      </c>
    </row>
    <row r="57" spans="2:30" ht="36" customHeight="1" x14ac:dyDescent="0.15">
      <c r="B57" s="18">
        <v>54</v>
      </c>
      <c r="C57" s="28" t="s">
        <v>34</v>
      </c>
      <c r="D57" s="19" t="s">
        <v>35</v>
      </c>
      <c r="E57" s="20" t="s">
        <v>52</v>
      </c>
      <c r="F57" s="21" t="s">
        <v>67</v>
      </c>
      <c r="G57" s="21" t="s">
        <v>68</v>
      </c>
      <c r="H57" s="22" t="s">
        <v>39</v>
      </c>
      <c r="I57" s="23" t="s">
        <v>39</v>
      </c>
      <c r="J57" s="23" t="s">
        <v>39</v>
      </c>
      <c r="K57" s="23">
        <v>0</v>
      </c>
      <c r="L57" s="23">
        <v>0</v>
      </c>
      <c r="M57" s="23" t="s">
        <v>40</v>
      </c>
      <c r="N57" s="23" t="s">
        <v>40</v>
      </c>
      <c r="O57" s="23" t="s">
        <v>40</v>
      </c>
      <c r="P57" s="23" t="s">
        <v>40</v>
      </c>
      <c r="Q57" s="23" t="s">
        <v>40</v>
      </c>
      <c r="R57" s="23" t="s">
        <v>40</v>
      </c>
      <c r="S57" s="24" t="s">
        <v>40</v>
      </c>
      <c r="T57" s="31">
        <v>0</v>
      </c>
      <c r="U57" s="25" t="s">
        <v>39</v>
      </c>
      <c r="V57" s="25">
        <v>0</v>
      </c>
      <c r="W57" s="25">
        <v>0</v>
      </c>
      <c r="X57" s="25" t="s">
        <v>39</v>
      </c>
      <c r="Y57" s="26" t="s">
        <v>39</v>
      </c>
      <c r="Z57" s="31" t="s">
        <v>39</v>
      </c>
      <c r="AA57" s="23" t="s">
        <v>39</v>
      </c>
      <c r="AB57" s="24">
        <v>0</v>
      </c>
      <c r="AC57" s="22">
        <v>0</v>
      </c>
      <c r="AD57" s="27">
        <v>0</v>
      </c>
    </row>
    <row r="58" spans="2:30" ht="36" customHeight="1" x14ac:dyDescent="0.15">
      <c r="B58" s="18">
        <v>55</v>
      </c>
      <c r="C58" s="19" t="s">
        <v>34</v>
      </c>
      <c r="D58" s="19" t="s">
        <v>35</v>
      </c>
      <c r="E58" s="20" t="s">
        <v>52</v>
      </c>
      <c r="F58" s="29" t="s">
        <v>78</v>
      </c>
      <c r="G58" s="29" t="s">
        <v>79</v>
      </c>
      <c r="H58" s="22">
        <v>0</v>
      </c>
      <c r="I58" s="23" t="s">
        <v>39</v>
      </c>
      <c r="J58" s="23" t="s">
        <v>39</v>
      </c>
      <c r="K58" s="23" t="s">
        <v>39</v>
      </c>
      <c r="L58" s="23" t="s">
        <v>40</v>
      </c>
      <c r="M58" s="23">
        <v>0</v>
      </c>
      <c r="N58" s="23">
        <v>0</v>
      </c>
      <c r="O58" s="23">
        <v>0</v>
      </c>
      <c r="P58" s="23">
        <v>0</v>
      </c>
      <c r="Q58" s="23">
        <v>0</v>
      </c>
      <c r="R58" s="23">
        <v>0</v>
      </c>
      <c r="S58" s="24">
        <v>0</v>
      </c>
      <c r="T58" s="31" t="s">
        <v>39</v>
      </c>
      <c r="U58" s="25" t="s">
        <v>39</v>
      </c>
      <c r="V58" s="25">
        <v>0</v>
      </c>
      <c r="W58" s="25" t="s">
        <v>39</v>
      </c>
      <c r="X58" s="25" t="s">
        <v>39</v>
      </c>
      <c r="Y58" s="26">
        <v>0</v>
      </c>
      <c r="Z58" s="31" t="s">
        <v>39</v>
      </c>
      <c r="AA58" s="23" t="s">
        <v>39</v>
      </c>
      <c r="AB58" s="24">
        <v>0</v>
      </c>
      <c r="AC58" s="22" t="s">
        <v>39</v>
      </c>
      <c r="AD58" s="27" t="s">
        <v>40</v>
      </c>
    </row>
    <row r="59" spans="2:30" ht="36" customHeight="1" x14ac:dyDescent="0.15">
      <c r="B59" s="18">
        <v>56</v>
      </c>
      <c r="C59" s="28" t="s">
        <v>34</v>
      </c>
      <c r="D59" s="19" t="s">
        <v>35</v>
      </c>
      <c r="E59" s="20" t="s">
        <v>52</v>
      </c>
      <c r="F59" s="21" t="s">
        <v>107</v>
      </c>
      <c r="G59" s="21" t="s">
        <v>108</v>
      </c>
      <c r="H59" s="22">
        <v>0</v>
      </c>
      <c r="I59" s="23">
        <v>0</v>
      </c>
      <c r="J59" s="23">
        <v>0</v>
      </c>
      <c r="K59" s="23" t="s">
        <v>39</v>
      </c>
      <c r="L59" s="23">
        <v>0</v>
      </c>
      <c r="M59" s="23">
        <v>0</v>
      </c>
      <c r="N59" s="23">
        <v>0</v>
      </c>
      <c r="O59" s="23">
        <v>0</v>
      </c>
      <c r="P59" s="23">
        <v>0</v>
      </c>
      <c r="Q59" s="23">
        <v>0</v>
      </c>
      <c r="R59" s="23">
        <v>0</v>
      </c>
      <c r="S59" s="24">
        <v>0</v>
      </c>
      <c r="T59" s="31">
        <v>0</v>
      </c>
      <c r="U59" s="25">
        <v>0</v>
      </c>
      <c r="V59" s="25">
        <v>0</v>
      </c>
      <c r="W59" s="25">
        <v>0</v>
      </c>
      <c r="X59" s="25" t="s">
        <v>39</v>
      </c>
      <c r="Y59" s="26">
        <v>0</v>
      </c>
      <c r="Z59" s="31" t="s">
        <v>39</v>
      </c>
      <c r="AA59" s="23">
        <v>0</v>
      </c>
      <c r="AB59" s="24">
        <v>0</v>
      </c>
      <c r="AC59" s="22" t="s">
        <v>40</v>
      </c>
      <c r="AD59" s="27">
        <v>0</v>
      </c>
    </row>
    <row r="60" spans="2:30" ht="36" customHeight="1" x14ac:dyDescent="0.15">
      <c r="B60" s="18">
        <v>57</v>
      </c>
      <c r="C60" s="28" t="s">
        <v>34</v>
      </c>
      <c r="D60" s="19" t="s">
        <v>35</v>
      </c>
      <c r="E60" s="20" t="s">
        <v>52</v>
      </c>
      <c r="F60" s="21" t="s">
        <v>120</v>
      </c>
      <c r="G60" s="21" t="s">
        <v>121</v>
      </c>
      <c r="H60" s="22">
        <v>0</v>
      </c>
      <c r="I60" s="23" t="s">
        <v>39</v>
      </c>
      <c r="J60" s="23" t="s">
        <v>39</v>
      </c>
      <c r="K60" s="23" t="s">
        <v>40</v>
      </c>
      <c r="L60" s="23">
        <v>0</v>
      </c>
      <c r="M60" s="23">
        <v>0</v>
      </c>
      <c r="N60" s="23">
        <v>0</v>
      </c>
      <c r="O60" s="23">
        <v>0</v>
      </c>
      <c r="P60" s="23">
        <v>0</v>
      </c>
      <c r="Q60" s="23">
        <v>0</v>
      </c>
      <c r="R60" s="23">
        <v>0</v>
      </c>
      <c r="S60" s="24">
        <v>0</v>
      </c>
      <c r="T60" s="31">
        <v>0</v>
      </c>
      <c r="U60" s="25">
        <v>0</v>
      </c>
      <c r="V60" s="25">
        <v>0</v>
      </c>
      <c r="W60" s="25">
        <v>0</v>
      </c>
      <c r="X60" s="25" t="s">
        <v>39</v>
      </c>
      <c r="Y60" s="26" t="s">
        <v>39</v>
      </c>
      <c r="Z60" s="31" t="s">
        <v>39</v>
      </c>
      <c r="AA60" s="23">
        <v>0</v>
      </c>
      <c r="AB60" s="24">
        <v>0</v>
      </c>
      <c r="AC60" s="22" t="s">
        <v>39</v>
      </c>
      <c r="AD60" s="27" t="s">
        <v>39</v>
      </c>
    </row>
    <row r="61" spans="2:30" ht="36" customHeight="1" x14ac:dyDescent="0.15">
      <c r="B61" s="18">
        <v>58</v>
      </c>
      <c r="C61" s="28" t="s">
        <v>44</v>
      </c>
      <c r="D61" s="19" t="s">
        <v>45</v>
      </c>
      <c r="E61" s="20" t="s">
        <v>52</v>
      </c>
      <c r="F61" s="29" t="s">
        <v>47</v>
      </c>
      <c r="G61" s="29" t="s">
        <v>53</v>
      </c>
      <c r="H61" s="22" t="s">
        <v>39</v>
      </c>
      <c r="I61" s="23" t="s">
        <v>39</v>
      </c>
      <c r="J61" s="23" t="s">
        <v>39</v>
      </c>
      <c r="K61" s="23"/>
      <c r="L61" s="23"/>
      <c r="M61" s="23"/>
      <c r="N61" s="23"/>
      <c r="O61" s="23"/>
      <c r="P61" s="23"/>
      <c r="Q61" s="23"/>
      <c r="R61" s="23"/>
      <c r="S61" s="24"/>
      <c r="T61" s="31" t="s">
        <v>39</v>
      </c>
      <c r="U61" s="25"/>
      <c r="V61" s="25"/>
      <c r="W61" s="25" t="s">
        <v>40</v>
      </c>
      <c r="X61" s="25" t="s">
        <v>39</v>
      </c>
      <c r="Y61" s="26"/>
      <c r="Z61" s="31" t="s">
        <v>39</v>
      </c>
      <c r="AA61" s="23" t="s">
        <v>39</v>
      </c>
      <c r="AB61" s="24"/>
      <c r="AC61" s="22" t="s">
        <v>40</v>
      </c>
      <c r="AD61" s="27" t="s">
        <v>40</v>
      </c>
    </row>
    <row r="62" spans="2:30" ht="36" customHeight="1" x14ac:dyDescent="0.15">
      <c r="B62" s="18">
        <v>59</v>
      </c>
      <c r="C62" s="28" t="s">
        <v>44</v>
      </c>
      <c r="D62" s="19" t="s">
        <v>45</v>
      </c>
      <c r="E62" s="20" t="s">
        <v>52</v>
      </c>
      <c r="F62" s="21" t="s">
        <v>54</v>
      </c>
      <c r="G62" s="21" t="s">
        <v>55</v>
      </c>
      <c r="H62" s="22" t="s">
        <v>39</v>
      </c>
      <c r="I62" s="23" t="s">
        <v>39</v>
      </c>
      <c r="J62" s="23" t="s">
        <v>39</v>
      </c>
      <c r="K62" s="23" t="s">
        <v>39</v>
      </c>
      <c r="L62" s="23" t="s">
        <v>39</v>
      </c>
      <c r="M62" s="23" t="s">
        <v>39</v>
      </c>
      <c r="N62" s="23"/>
      <c r="O62" s="23" t="s">
        <v>39</v>
      </c>
      <c r="P62" s="23"/>
      <c r="Q62" s="23"/>
      <c r="R62" s="23" t="s">
        <v>39</v>
      </c>
      <c r="S62" s="24"/>
      <c r="T62" s="31" t="s">
        <v>39</v>
      </c>
      <c r="U62" s="25" t="s">
        <v>39</v>
      </c>
      <c r="V62" s="25"/>
      <c r="W62" s="25"/>
      <c r="X62" s="25" t="s">
        <v>39</v>
      </c>
      <c r="Y62" s="26"/>
      <c r="Z62" s="31" t="s">
        <v>39</v>
      </c>
      <c r="AA62" s="23" t="s">
        <v>39</v>
      </c>
      <c r="AB62" s="24" t="s">
        <v>39</v>
      </c>
      <c r="AC62" s="22" t="s">
        <v>39</v>
      </c>
      <c r="AD62" s="27" t="s">
        <v>39</v>
      </c>
    </row>
    <row r="63" spans="2:30" ht="36" customHeight="1" x14ac:dyDescent="0.15">
      <c r="B63" s="18">
        <v>60</v>
      </c>
      <c r="C63" s="28" t="s">
        <v>44</v>
      </c>
      <c r="D63" s="19" t="s">
        <v>45</v>
      </c>
      <c r="E63" s="20" t="s">
        <v>52</v>
      </c>
      <c r="F63" s="29" t="s">
        <v>70</v>
      </c>
      <c r="G63" s="29" t="s">
        <v>72</v>
      </c>
      <c r="H63" s="22" t="s">
        <v>39</v>
      </c>
      <c r="I63" s="23" t="s">
        <v>39</v>
      </c>
      <c r="J63" s="23" t="s">
        <v>39</v>
      </c>
      <c r="K63" s="23" t="s">
        <v>39</v>
      </c>
      <c r="L63" s="23" t="s">
        <v>39</v>
      </c>
      <c r="M63" s="23" t="s">
        <v>39</v>
      </c>
      <c r="N63" s="23">
        <v>0</v>
      </c>
      <c r="O63" s="23" t="s">
        <v>39</v>
      </c>
      <c r="P63" s="23" t="s">
        <v>39</v>
      </c>
      <c r="Q63" s="23" t="s">
        <v>39</v>
      </c>
      <c r="R63" s="23" t="s">
        <v>39</v>
      </c>
      <c r="S63" s="24" t="s">
        <v>39</v>
      </c>
      <c r="T63" s="31" t="s">
        <v>39</v>
      </c>
      <c r="U63" s="25" t="s">
        <v>39</v>
      </c>
      <c r="V63" s="25">
        <v>0</v>
      </c>
      <c r="W63" s="25">
        <v>0</v>
      </c>
      <c r="X63" s="25" t="s">
        <v>39</v>
      </c>
      <c r="Y63" s="26">
        <v>0</v>
      </c>
      <c r="Z63" s="31" t="s">
        <v>39</v>
      </c>
      <c r="AA63" s="23" t="s">
        <v>39</v>
      </c>
      <c r="AB63" s="24" t="s">
        <v>39</v>
      </c>
      <c r="AC63" s="22">
        <v>0</v>
      </c>
      <c r="AD63" s="27">
        <v>0</v>
      </c>
    </row>
    <row r="64" spans="2:30" ht="36" customHeight="1" x14ac:dyDescent="0.15">
      <c r="B64" s="18">
        <v>61</v>
      </c>
      <c r="C64" s="28" t="s">
        <v>44</v>
      </c>
      <c r="D64" s="19" t="s">
        <v>45</v>
      </c>
      <c r="E64" s="20" t="s">
        <v>52</v>
      </c>
      <c r="F64" s="21" t="s">
        <v>70</v>
      </c>
      <c r="G64" s="21" t="s">
        <v>74</v>
      </c>
      <c r="H64" s="22" t="s">
        <v>39</v>
      </c>
      <c r="I64" s="23" t="s">
        <v>39</v>
      </c>
      <c r="J64" s="23" t="s">
        <v>39</v>
      </c>
      <c r="K64" s="23" t="s">
        <v>39</v>
      </c>
      <c r="L64" s="23" t="s">
        <v>39</v>
      </c>
      <c r="M64" s="23" t="s">
        <v>39</v>
      </c>
      <c r="N64" s="23">
        <v>0</v>
      </c>
      <c r="O64" s="23" t="s">
        <v>39</v>
      </c>
      <c r="P64" s="23" t="s">
        <v>39</v>
      </c>
      <c r="Q64" s="23" t="s">
        <v>39</v>
      </c>
      <c r="R64" s="23" t="s">
        <v>39</v>
      </c>
      <c r="S64" s="24" t="s">
        <v>39</v>
      </c>
      <c r="T64" s="31" t="s">
        <v>39</v>
      </c>
      <c r="U64" s="25" t="s">
        <v>39</v>
      </c>
      <c r="V64" s="25" t="s">
        <v>39</v>
      </c>
      <c r="W64" s="25">
        <v>0</v>
      </c>
      <c r="X64" s="25" t="s">
        <v>39</v>
      </c>
      <c r="Y64" s="26">
        <v>0</v>
      </c>
      <c r="Z64" s="31" t="s">
        <v>39</v>
      </c>
      <c r="AA64" s="23" t="s">
        <v>39</v>
      </c>
      <c r="AB64" s="24" t="s">
        <v>39</v>
      </c>
      <c r="AC64" s="22">
        <v>0</v>
      </c>
      <c r="AD64" s="27">
        <v>0</v>
      </c>
    </row>
    <row r="65" spans="2:33" ht="36" customHeight="1" x14ac:dyDescent="0.15">
      <c r="B65" s="18">
        <v>62</v>
      </c>
      <c r="C65" s="28" t="s">
        <v>44</v>
      </c>
      <c r="D65" s="19" t="s">
        <v>45</v>
      </c>
      <c r="E65" s="20" t="s">
        <v>52</v>
      </c>
      <c r="F65" s="21" t="s">
        <v>82</v>
      </c>
      <c r="G65" s="21" t="s">
        <v>89</v>
      </c>
      <c r="H65" s="22">
        <v>0</v>
      </c>
      <c r="I65" s="23" t="s">
        <v>39</v>
      </c>
      <c r="J65" s="23" t="s">
        <v>39</v>
      </c>
      <c r="K65" s="23" t="s">
        <v>39</v>
      </c>
      <c r="L65" s="23" t="s">
        <v>39</v>
      </c>
      <c r="M65" s="23">
        <v>0</v>
      </c>
      <c r="N65" s="23">
        <v>0</v>
      </c>
      <c r="O65" s="23">
        <v>0</v>
      </c>
      <c r="P65" s="23">
        <v>0</v>
      </c>
      <c r="Q65" s="23">
        <v>0</v>
      </c>
      <c r="R65" s="23">
        <v>0</v>
      </c>
      <c r="S65" s="24">
        <v>0</v>
      </c>
      <c r="T65" s="31" t="s">
        <v>39</v>
      </c>
      <c r="U65" s="25" t="s">
        <v>39</v>
      </c>
      <c r="V65" s="25">
        <v>0</v>
      </c>
      <c r="W65" s="25">
        <v>0</v>
      </c>
      <c r="X65" s="25">
        <v>0</v>
      </c>
      <c r="Y65" s="26">
        <v>0</v>
      </c>
      <c r="Z65" s="31" t="s">
        <v>39</v>
      </c>
      <c r="AA65" s="23" t="s">
        <v>39</v>
      </c>
      <c r="AB65" s="24">
        <v>0</v>
      </c>
      <c r="AC65" s="22">
        <v>0</v>
      </c>
      <c r="AD65" s="27">
        <v>0</v>
      </c>
    </row>
    <row r="66" spans="2:33" ht="36" customHeight="1" x14ac:dyDescent="0.15">
      <c r="B66" s="18">
        <v>63</v>
      </c>
      <c r="C66" s="28" t="s">
        <v>44</v>
      </c>
      <c r="D66" s="19" t="s">
        <v>45</v>
      </c>
      <c r="E66" s="20" t="s">
        <v>52</v>
      </c>
      <c r="F66" s="29" t="s">
        <v>94</v>
      </c>
      <c r="G66" s="29" t="s">
        <v>95</v>
      </c>
      <c r="H66" s="22">
        <v>0</v>
      </c>
      <c r="I66" s="23" t="s">
        <v>39</v>
      </c>
      <c r="J66" s="23" t="s">
        <v>39</v>
      </c>
      <c r="K66" s="23" t="s">
        <v>39</v>
      </c>
      <c r="L66" s="23" t="s">
        <v>39</v>
      </c>
      <c r="M66" s="23">
        <v>0</v>
      </c>
      <c r="N66" s="23">
        <v>0</v>
      </c>
      <c r="O66" s="23">
        <v>0</v>
      </c>
      <c r="P66" s="23">
        <v>0</v>
      </c>
      <c r="Q66" s="23">
        <v>0</v>
      </c>
      <c r="R66" s="23">
        <v>0</v>
      </c>
      <c r="S66" s="24">
        <v>0</v>
      </c>
      <c r="T66" s="31" t="s">
        <v>39</v>
      </c>
      <c r="U66" s="25">
        <v>0</v>
      </c>
      <c r="V66" s="25">
        <v>0</v>
      </c>
      <c r="W66" s="25">
        <v>0</v>
      </c>
      <c r="X66" s="25" t="s">
        <v>39</v>
      </c>
      <c r="Y66" s="26">
        <v>0</v>
      </c>
      <c r="Z66" s="31" t="s">
        <v>39</v>
      </c>
      <c r="AA66" s="23" t="s">
        <v>39</v>
      </c>
      <c r="AB66" s="24">
        <v>0</v>
      </c>
      <c r="AC66" s="22">
        <v>0</v>
      </c>
      <c r="AD66" s="27">
        <v>0</v>
      </c>
    </row>
    <row r="67" spans="2:33" ht="36" customHeight="1" x14ac:dyDescent="0.15">
      <c r="B67" s="18">
        <v>64</v>
      </c>
      <c r="C67" s="28" t="s">
        <v>44</v>
      </c>
      <c r="D67" s="19" t="s">
        <v>45</v>
      </c>
      <c r="E67" s="20" t="s">
        <v>52</v>
      </c>
      <c r="F67" s="29" t="s">
        <v>170</v>
      </c>
      <c r="G67" s="29" t="s">
        <v>100</v>
      </c>
      <c r="H67" s="22">
        <v>0</v>
      </c>
      <c r="I67" s="23">
        <v>0</v>
      </c>
      <c r="J67" s="23">
        <v>0</v>
      </c>
      <c r="K67" s="23" t="s">
        <v>39</v>
      </c>
      <c r="L67" s="23" t="s">
        <v>39</v>
      </c>
      <c r="M67" s="23">
        <v>0</v>
      </c>
      <c r="N67" s="23">
        <v>0</v>
      </c>
      <c r="O67" s="23">
        <v>0</v>
      </c>
      <c r="P67" s="23">
        <v>0</v>
      </c>
      <c r="Q67" s="23">
        <v>0</v>
      </c>
      <c r="R67" s="23">
        <v>0</v>
      </c>
      <c r="S67" s="24">
        <v>0</v>
      </c>
      <c r="T67" s="31" t="s">
        <v>39</v>
      </c>
      <c r="U67" s="25" t="s">
        <v>39</v>
      </c>
      <c r="V67" s="25">
        <v>0</v>
      </c>
      <c r="W67" s="25">
        <v>0</v>
      </c>
      <c r="X67" s="25" t="s">
        <v>39</v>
      </c>
      <c r="Y67" s="26">
        <v>0</v>
      </c>
      <c r="Z67" s="31" t="s">
        <v>39</v>
      </c>
      <c r="AA67" s="23">
        <v>0</v>
      </c>
      <c r="AB67" s="24">
        <v>0</v>
      </c>
      <c r="AC67" s="22" t="s">
        <v>39</v>
      </c>
      <c r="AD67" s="27" t="s">
        <v>39</v>
      </c>
    </row>
    <row r="68" spans="2:33" ht="36" customHeight="1" x14ac:dyDescent="0.15">
      <c r="B68" s="18">
        <v>65</v>
      </c>
      <c r="C68" s="19" t="s">
        <v>44</v>
      </c>
      <c r="D68" s="19" t="s">
        <v>45</v>
      </c>
      <c r="E68" s="20" t="s">
        <v>52</v>
      </c>
      <c r="F68" s="29" t="s">
        <v>102</v>
      </c>
      <c r="G68" s="29" t="s">
        <v>103</v>
      </c>
      <c r="H68" s="22" t="s">
        <v>39</v>
      </c>
      <c r="I68" s="23" t="s">
        <v>39</v>
      </c>
      <c r="J68" s="23" t="s">
        <v>39</v>
      </c>
      <c r="K68" s="23" t="s">
        <v>40</v>
      </c>
      <c r="L68" s="23" t="s">
        <v>40</v>
      </c>
      <c r="M68" s="23">
        <v>0</v>
      </c>
      <c r="N68" s="23">
        <v>0</v>
      </c>
      <c r="O68" s="23">
        <v>0</v>
      </c>
      <c r="P68" s="23">
        <v>0</v>
      </c>
      <c r="Q68" s="23">
        <v>0</v>
      </c>
      <c r="R68" s="23">
        <v>0</v>
      </c>
      <c r="S68" s="24">
        <v>0</v>
      </c>
      <c r="T68" s="31" t="s">
        <v>39</v>
      </c>
      <c r="U68" s="25" t="s">
        <v>39</v>
      </c>
      <c r="V68" s="25" t="s">
        <v>39</v>
      </c>
      <c r="W68" s="25" t="s">
        <v>39</v>
      </c>
      <c r="X68" s="25" t="s">
        <v>39</v>
      </c>
      <c r="Y68" s="26" t="s">
        <v>39</v>
      </c>
      <c r="Z68" s="31" t="s">
        <v>39</v>
      </c>
      <c r="AA68" s="23" t="s">
        <v>39</v>
      </c>
      <c r="AB68" s="24" t="s">
        <v>39</v>
      </c>
      <c r="AC68" s="22" t="s">
        <v>40</v>
      </c>
      <c r="AD68" s="27" t="s">
        <v>40</v>
      </c>
      <c r="AE68" s="1"/>
      <c r="AF68" s="1"/>
      <c r="AG68" s="1"/>
    </row>
    <row r="69" spans="2:33" ht="36" customHeight="1" x14ac:dyDescent="0.15">
      <c r="B69" s="18">
        <v>66</v>
      </c>
      <c r="C69" s="19" t="s">
        <v>44</v>
      </c>
      <c r="D69" s="19" t="s">
        <v>45</v>
      </c>
      <c r="E69" s="20" t="s">
        <v>52</v>
      </c>
      <c r="F69" s="29" t="s">
        <v>104</v>
      </c>
      <c r="G69" s="29" t="s">
        <v>105</v>
      </c>
      <c r="H69" s="22" t="s">
        <v>39</v>
      </c>
      <c r="I69" s="23" t="s">
        <v>39</v>
      </c>
      <c r="J69" s="23" t="s">
        <v>39</v>
      </c>
      <c r="K69" s="23" t="s">
        <v>40</v>
      </c>
      <c r="L69" s="23" t="s">
        <v>40</v>
      </c>
      <c r="M69" s="23">
        <v>0</v>
      </c>
      <c r="N69" s="23">
        <v>0</v>
      </c>
      <c r="O69" s="23">
        <v>0</v>
      </c>
      <c r="P69" s="23">
        <v>0</v>
      </c>
      <c r="Q69" s="23">
        <v>0</v>
      </c>
      <c r="R69" s="23">
        <v>0</v>
      </c>
      <c r="S69" s="24">
        <v>0</v>
      </c>
      <c r="T69" s="31" t="s">
        <v>39</v>
      </c>
      <c r="U69" s="25" t="s">
        <v>39</v>
      </c>
      <c r="V69" s="25" t="s">
        <v>39</v>
      </c>
      <c r="W69" s="25" t="s">
        <v>39</v>
      </c>
      <c r="X69" s="25" t="s">
        <v>39</v>
      </c>
      <c r="Y69" s="26" t="s">
        <v>39</v>
      </c>
      <c r="Z69" s="31" t="s">
        <v>39</v>
      </c>
      <c r="AA69" s="23" t="s">
        <v>39</v>
      </c>
      <c r="AB69" s="24" t="s">
        <v>39</v>
      </c>
      <c r="AC69" s="22" t="s">
        <v>40</v>
      </c>
      <c r="AD69" s="27" t="s">
        <v>40</v>
      </c>
    </row>
    <row r="70" spans="2:33" ht="36" customHeight="1" x14ac:dyDescent="0.15">
      <c r="B70" s="18">
        <v>67</v>
      </c>
      <c r="C70" s="28" t="s">
        <v>44</v>
      </c>
      <c r="D70" s="19" t="s">
        <v>45</v>
      </c>
      <c r="E70" s="20" t="s">
        <v>52</v>
      </c>
      <c r="F70" s="29" t="s">
        <v>111</v>
      </c>
      <c r="G70" s="29" t="s">
        <v>112</v>
      </c>
      <c r="H70" s="22" t="s">
        <v>40</v>
      </c>
      <c r="I70" s="23" t="s">
        <v>39</v>
      </c>
      <c r="J70" s="23" t="s">
        <v>39</v>
      </c>
      <c r="K70" s="23" t="s">
        <v>39</v>
      </c>
      <c r="L70" s="23" t="s">
        <v>39</v>
      </c>
      <c r="M70" s="23">
        <v>0</v>
      </c>
      <c r="N70" s="23">
        <v>0</v>
      </c>
      <c r="O70" s="23">
        <v>0</v>
      </c>
      <c r="P70" s="23">
        <v>0</v>
      </c>
      <c r="Q70" s="23">
        <v>0</v>
      </c>
      <c r="R70" s="23">
        <v>0</v>
      </c>
      <c r="S70" s="24">
        <v>0</v>
      </c>
      <c r="T70" s="31" t="s">
        <v>39</v>
      </c>
      <c r="U70" s="25">
        <v>0</v>
      </c>
      <c r="V70" s="25">
        <v>0</v>
      </c>
      <c r="W70" s="25">
        <v>0</v>
      </c>
      <c r="X70" s="25" t="s">
        <v>39</v>
      </c>
      <c r="Y70" s="26">
        <v>0</v>
      </c>
      <c r="Z70" s="31" t="s">
        <v>39</v>
      </c>
      <c r="AA70" s="23" t="s">
        <v>40</v>
      </c>
      <c r="AB70" s="24" t="s">
        <v>39</v>
      </c>
      <c r="AC70" s="22" t="s">
        <v>39</v>
      </c>
      <c r="AD70" s="27" t="s">
        <v>40</v>
      </c>
    </row>
    <row r="71" spans="2:33" ht="36" customHeight="1" x14ac:dyDescent="0.15">
      <c r="B71" s="18">
        <v>68</v>
      </c>
      <c r="C71" s="28" t="s">
        <v>44</v>
      </c>
      <c r="D71" s="19" t="s">
        <v>45</v>
      </c>
      <c r="E71" s="20" t="s">
        <v>52</v>
      </c>
      <c r="F71" s="29" t="s">
        <v>113</v>
      </c>
      <c r="G71" s="29" t="s">
        <v>114</v>
      </c>
      <c r="H71" s="22" t="s">
        <v>39</v>
      </c>
      <c r="I71" s="23" t="s">
        <v>39</v>
      </c>
      <c r="J71" s="23" t="s">
        <v>39</v>
      </c>
      <c r="K71" s="23" t="s">
        <v>39</v>
      </c>
      <c r="L71" s="23" t="s">
        <v>39</v>
      </c>
      <c r="M71" s="23">
        <v>0</v>
      </c>
      <c r="N71" s="23">
        <v>0</v>
      </c>
      <c r="O71" s="23">
        <v>0</v>
      </c>
      <c r="P71" s="23">
        <v>0</v>
      </c>
      <c r="Q71" s="23">
        <v>0</v>
      </c>
      <c r="R71" s="23">
        <v>0</v>
      </c>
      <c r="S71" s="24">
        <v>0</v>
      </c>
      <c r="T71" s="31" t="s">
        <v>39</v>
      </c>
      <c r="U71" s="25" t="s">
        <v>39</v>
      </c>
      <c r="V71" s="25">
        <v>0</v>
      </c>
      <c r="W71" s="25">
        <v>0</v>
      </c>
      <c r="X71" s="25" t="s">
        <v>39</v>
      </c>
      <c r="Y71" s="26" t="s">
        <v>39</v>
      </c>
      <c r="Z71" s="31" t="s">
        <v>39</v>
      </c>
      <c r="AA71" s="23">
        <v>0</v>
      </c>
      <c r="AB71" s="24">
        <v>0</v>
      </c>
      <c r="AC71" s="22" t="s">
        <v>39</v>
      </c>
      <c r="AD71" s="27">
        <v>0</v>
      </c>
    </row>
    <row r="72" spans="2:33" ht="36" customHeight="1" x14ac:dyDescent="0.15">
      <c r="B72" s="18">
        <v>69</v>
      </c>
      <c r="C72" s="28" t="s">
        <v>44</v>
      </c>
      <c r="D72" s="19" t="s">
        <v>45</v>
      </c>
      <c r="E72" s="20" t="s">
        <v>52</v>
      </c>
      <c r="F72" s="21" t="s">
        <v>113</v>
      </c>
      <c r="G72" s="21" t="s">
        <v>115</v>
      </c>
      <c r="H72" s="22" t="s">
        <v>39</v>
      </c>
      <c r="I72" s="23" t="s">
        <v>39</v>
      </c>
      <c r="J72" s="23" t="s">
        <v>39</v>
      </c>
      <c r="K72" s="23" t="s">
        <v>39</v>
      </c>
      <c r="L72" s="23" t="s">
        <v>39</v>
      </c>
      <c r="M72" s="23">
        <v>0</v>
      </c>
      <c r="N72" s="23">
        <v>0</v>
      </c>
      <c r="O72" s="23">
        <v>0</v>
      </c>
      <c r="P72" s="23">
        <v>0</v>
      </c>
      <c r="Q72" s="23">
        <v>0</v>
      </c>
      <c r="R72" s="23">
        <v>0</v>
      </c>
      <c r="S72" s="24">
        <v>0</v>
      </c>
      <c r="T72" s="31" t="s">
        <v>39</v>
      </c>
      <c r="U72" s="25" t="s">
        <v>39</v>
      </c>
      <c r="V72" s="25">
        <v>0</v>
      </c>
      <c r="W72" s="25">
        <v>0</v>
      </c>
      <c r="X72" s="25" t="s">
        <v>39</v>
      </c>
      <c r="Y72" s="26" t="s">
        <v>39</v>
      </c>
      <c r="Z72" s="31" t="s">
        <v>39</v>
      </c>
      <c r="AA72" s="23">
        <v>0</v>
      </c>
      <c r="AB72" s="24">
        <v>0</v>
      </c>
      <c r="AC72" s="22" t="s">
        <v>40</v>
      </c>
      <c r="AD72" s="27">
        <v>0</v>
      </c>
    </row>
    <row r="73" spans="2:33" ht="36" customHeight="1" x14ac:dyDescent="0.15">
      <c r="B73" s="18">
        <v>70</v>
      </c>
      <c r="C73" s="28" t="s">
        <v>44</v>
      </c>
      <c r="D73" s="19" t="s">
        <v>45</v>
      </c>
      <c r="E73" s="20" t="s">
        <v>52</v>
      </c>
      <c r="F73" s="21" t="s">
        <v>113</v>
      </c>
      <c r="G73" s="21" t="s">
        <v>116</v>
      </c>
      <c r="H73" s="22" t="s">
        <v>39</v>
      </c>
      <c r="I73" s="23" t="s">
        <v>39</v>
      </c>
      <c r="J73" s="23" t="s">
        <v>39</v>
      </c>
      <c r="K73" s="23" t="s">
        <v>39</v>
      </c>
      <c r="L73" s="23" t="s">
        <v>39</v>
      </c>
      <c r="M73" s="23">
        <v>0</v>
      </c>
      <c r="N73" s="23">
        <v>0</v>
      </c>
      <c r="O73" s="23">
        <v>0</v>
      </c>
      <c r="P73" s="23">
        <v>0</v>
      </c>
      <c r="Q73" s="23">
        <v>0</v>
      </c>
      <c r="R73" s="23">
        <v>0</v>
      </c>
      <c r="S73" s="24">
        <v>0</v>
      </c>
      <c r="T73" s="31" t="s">
        <v>39</v>
      </c>
      <c r="U73" s="25" t="s">
        <v>39</v>
      </c>
      <c r="V73" s="25">
        <v>0</v>
      </c>
      <c r="W73" s="25">
        <v>0</v>
      </c>
      <c r="X73" s="25" t="s">
        <v>39</v>
      </c>
      <c r="Y73" s="26" t="s">
        <v>39</v>
      </c>
      <c r="Z73" s="31" t="s">
        <v>39</v>
      </c>
      <c r="AA73" s="23">
        <v>0</v>
      </c>
      <c r="AB73" s="24">
        <v>0</v>
      </c>
      <c r="AC73" s="22" t="s">
        <v>40</v>
      </c>
      <c r="AD73" s="27">
        <v>0</v>
      </c>
    </row>
    <row r="74" spans="2:33" ht="36" customHeight="1" x14ac:dyDescent="0.15">
      <c r="B74" s="18">
        <v>71</v>
      </c>
      <c r="C74" s="28" t="s">
        <v>44</v>
      </c>
      <c r="D74" s="19" t="s">
        <v>45</v>
      </c>
      <c r="E74" s="20" t="s">
        <v>52</v>
      </c>
      <c r="F74" s="21" t="s">
        <v>113</v>
      </c>
      <c r="G74" s="21" t="s">
        <v>117</v>
      </c>
      <c r="H74" s="22" t="s">
        <v>39</v>
      </c>
      <c r="I74" s="23" t="s">
        <v>39</v>
      </c>
      <c r="J74" s="23" t="s">
        <v>39</v>
      </c>
      <c r="K74" s="23" t="s">
        <v>39</v>
      </c>
      <c r="L74" s="23" t="s">
        <v>39</v>
      </c>
      <c r="M74" s="23">
        <v>0</v>
      </c>
      <c r="N74" s="23">
        <v>0</v>
      </c>
      <c r="O74" s="23">
        <v>0</v>
      </c>
      <c r="P74" s="23">
        <v>0</v>
      </c>
      <c r="Q74" s="23">
        <v>0</v>
      </c>
      <c r="R74" s="23">
        <v>0</v>
      </c>
      <c r="S74" s="24">
        <v>0</v>
      </c>
      <c r="T74" s="31" t="s">
        <v>39</v>
      </c>
      <c r="U74" s="25" t="s">
        <v>39</v>
      </c>
      <c r="V74" s="25">
        <v>0</v>
      </c>
      <c r="W74" s="25">
        <v>0</v>
      </c>
      <c r="X74" s="25" t="s">
        <v>39</v>
      </c>
      <c r="Y74" s="26" t="s">
        <v>39</v>
      </c>
      <c r="Z74" s="31" t="s">
        <v>39</v>
      </c>
      <c r="AA74" s="23">
        <v>0</v>
      </c>
      <c r="AB74" s="24">
        <v>0</v>
      </c>
      <c r="AC74" s="22">
        <v>0</v>
      </c>
      <c r="AD74" s="27">
        <v>0</v>
      </c>
    </row>
    <row r="75" spans="2:33" ht="36" customHeight="1" x14ac:dyDescent="0.15">
      <c r="B75" s="18">
        <v>72</v>
      </c>
      <c r="C75" s="28" t="s">
        <v>44</v>
      </c>
      <c r="D75" s="19" t="s">
        <v>45</v>
      </c>
      <c r="E75" s="20" t="s">
        <v>52</v>
      </c>
      <c r="F75" s="21" t="s">
        <v>126</v>
      </c>
      <c r="G75" s="21" t="s">
        <v>127</v>
      </c>
      <c r="H75" s="22" t="s">
        <v>40</v>
      </c>
      <c r="I75" s="23" t="s">
        <v>39</v>
      </c>
      <c r="J75" s="23" t="s">
        <v>39</v>
      </c>
      <c r="K75" s="23" t="s">
        <v>39</v>
      </c>
      <c r="L75" s="23" t="s">
        <v>39</v>
      </c>
      <c r="M75" s="23">
        <v>0</v>
      </c>
      <c r="N75" s="23">
        <v>0</v>
      </c>
      <c r="O75" s="23">
        <v>0</v>
      </c>
      <c r="P75" s="23">
        <v>0</v>
      </c>
      <c r="Q75" s="23">
        <v>0</v>
      </c>
      <c r="R75" s="23">
        <v>0</v>
      </c>
      <c r="S75" s="24">
        <v>0</v>
      </c>
      <c r="T75" s="31" t="s">
        <v>39</v>
      </c>
      <c r="U75" s="25">
        <v>0</v>
      </c>
      <c r="V75" s="25">
        <v>0</v>
      </c>
      <c r="W75" s="25">
        <v>0</v>
      </c>
      <c r="X75" s="25" t="s">
        <v>39</v>
      </c>
      <c r="Y75" s="26" t="s">
        <v>40</v>
      </c>
      <c r="Z75" s="31" t="s">
        <v>39</v>
      </c>
      <c r="AA75" s="23" t="s">
        <v>39</v>
      </c>
      <c r="AB75" s="24">
        <v>0</v>
      </c>
      <c r="AC75" s="22">
        <v>0</v>
      </c>
      <c r="AD75" s="27" t="s">
        <v>40</v>
      </c>
    </row>
    <row r="76" spans="2:33" ht="36" customHeight="1" x14ac:dyDescent="0.15">
      <c r="B76" s="18">
        <v>73</v>
      </c>
      <c r="C76" s="19" t="s">
        <v>34</v>
      </c>
      <c r="D76" s="19" t="s">
        <v>35</v>
      </c>
      <c r="E76" s="20" t="s">
        <v>36</v>
      </c>
      <c r="F76" s="21" t="s">
        <v>37</v>
      </c>
      <c r="G76" s="21" t="s">
        <v>38</v>
      </c>
      <c r="H76" s="22">
        <v>0</v>
      </c>
      <c r="I76" s="23">
        <v>0</v>
      </c>
      <c r="J76" s="23" t="s">
        <v>39</v>
      </c>
      <c r="K76" s="23" t="s">
        <v>39</v>
      </c>
      <c r="L76" s="23" t="s">
        <v>39</v>
      </c>
      <c r="M76" s="23" t="s">
        <v>39</v>
      </c>
      <c r="N76" s="23">
        <v>0</v>
      </c>
      <c r="O76" s="23">
        <v>0</v>
      </c>
      <c r="P76" s="23" t="s">
        <v>39</v>
      </c>
      <c r="Q76" s="23" t="s">
        <v>40</v>
      </c>
      <c r="R76" s="23">
        <v>0</v>
      </c>
      <c r="S76" s="24">
        <v>0</v>
      </c>
      <c r="T76" s="31" t="s">
        <v>39</v>
      </c>
      <c r="U76" s="25" t="s">
        <v>39</v>
      </c>
      <c r="V76" s="25">
        <v>0</v>
      </c>
      <c r="W76" s="25" t="s">
        <v>39</v>
      </c>
      <c r="X76" s="25" t="s">
        <v>39</v>
      </c>
      <c r="Y76" s="26" t="s">
        <v>39</v>
      </c>
      <c r="Z76" s="31" t="s">
        <v>39</v>
      </c>
      <c r="AA76" s="23">
        <v>0</v>
      </c>
      <c r="AB76" s="24">
        <v>0</v>
      </c>
      <c r="AC76" s="22">
        <v>0</v>
      </c>
      <c r="AD76" s="27">
        <v>0</v>
      </c>
    </row>
    <row r="77" spans="2:33" ht="36" customHeight="1" x14ac:dyDescent="0.15">
      <c r="B77" s="18">
        <v>74</v>
      </c>
      <c r="C77" s="28" t="s">
        <v>34</v>
      </c>
      <c r="D77" s="19" t="s">
        <v>35</v>
      </c>
      <c r="E77" s="20" t="s">
        <v>36</v>
      </c>
      <c r="F77" s="29" t="s">
        <v>86</v>
      </c>
      <c r="G77" s="29" t="s">
        <v>87</v>
      </c>
      <c r="H77" s="22">
        <v>0</v>
      </c>
      <c r="I77" s="23" t="s">
        <v>39</v>
      </c>
      <c r="J77" s="23" t="s">
        <v>39</v>
      </c>
      <c r="K77" s="23" t="s">
        <v>39</v>
      </c>
      <c r="L77" s="23" t="s">
        <v>39</v>
      </c>
      <c r="M77" s="23" t="s">
        <v>39</v>
      </c>
      <c r="N77" s="23">
        <v>0</v>
      </c>
      <c r="O77" s="23">
        <v>0</v>
      </c>
      <c r="P77" s="23">
        <v>0</v>
      </c>
      <c r="Q77" s="23">
        <v>0</v>
      </c>
      <c r="R77" s="23">
        <v>0</v>
      </c>
      <c r="S77" s="24">
        <v>0</v>
      </c>
      <c r="T77" s="31" t="s">
        <v>39</v>
      </c>
      <c r="U77" s="25" t="s">
        <v>39</v>
      </c>
      <c r="V77" s="25">
        <v>0</v>
      </c>
      <c r="W77" s="25">
        <v>0</v>
      </c>
      <c r="X77" s="25" t="s">
        <v>39</v>
      </c>
      <c r="Y77" s="26">
        <v>0</v>
      </c>
      <c r="Z77" s="31">
        <v>0</v>
      </c>
      <c r="AA77" s="23" t="s">
        <v>39</v>
      </c>
      <c r="AB77" s="24">
        <v>0</v>
      </c>
      <c r="AC77" s="22" t="s">
        <v>39</v>
      </c>
      <c r="AD77" s="27" t="s">
        <v>40</v>
      </c>
    </row>
    <row r="78" spans="2:33" ht="36" customHeight="1" x14ac:dyDescent="0.15">
      <c r="B78" s="18">
        <v>75</v>
      </c>
      <c r="C78" s="19" t="s">
        <v>34</v>
      </c>
      <c r="D78" s="19" t="s">
        <v>35</v>
      </c>
      <c r="E78" s="20" t="s">
        <v>36</v>
      </c>
      <c r="F78" s="21" t="s">
        <v>90</v>
      </c>
      <c r="G78" s="21" t="s">
        <v>93</v>
      </c>
      <c r="H78" s="22">
        <v>0</v>
      </c>
      <c r="I78" s="23">
        <v>0</v>
      </c>
      <c r="J78" s="23" t="s">
        <v>39</v>
      </c>
      <c r="K78" s="23" t="s">
        <v>39</v>
      </c>
      <c r="L78" s="23" t="s">
        <v>39</v>
      </c>
      <c r="M78" s="23">
        <v>0</v>
      </c>
      <c r="N78" s="23">
        <v>0</v>
      </c>
      <c r="O78" s="23">
        <v>0</v>
      </c>
      <c r="P78" s="23" t="s">
        <v>39</v>
      </c>
      <c r="Q78" s="23" t="s">
        <v>39</v>
      </c>
      <c r="R78" s="23">
        <v>0</v>
      </c>
      <c r="S78" s="24" t="s">
        <v>40</v>
      </c>
      <c r="T78" s="31" t="s">
        <v>39</v>
      </c>
      <c r="U78" s="25" t="s">
        <v>39</v>
      </c>
      <c r="V78" s="25">
        <v>0</v>
      </c>
      <c r="W78" s="25">
        <v>0</v>
      </c>
      <c r="X78" s="25" t="s">
        <v>39</v>
      </c>
      <c r="Y78" s="26">
        <v>0</v>
      </c>
      <c r="Z78" s="31" t="s">
        <v>39</v>
      </c>
      <c r="AA78" s="23">
        <v>0</v>
      </c>
      <c r="AB78" s="24">
        <v>0</v>
      </c>
      <c r="AC78" s="22" t="s">
        <v>39</v>
      </c>
      <c r="AD78" s="27" t="s">
        <v>39</v>
      </c>
    </row>
    <row r="79" spans="2:33" ht="36" customHeight="1" x14ac:dyDescent="0.15">
      <c r="B79" s="18">
        <v>76</v>
      </c>
      <c r="C79" s="28" t="s">
        <v>44</v>
      </c>
      <c r="D79" s="19" t="s">
        <v>45</v>
      </c>
      <c r="E79" s="20" t="s">
        <v>36</v>
      </c>
      <c r="F79" s="21" t="s">
        <v>70</v>
      </c>
      <c r="G79" s="21" t="s">
        <v>71</v>
      </c>
      <c r="H79" s="22">
        <v>0</v>
      </c>
      <c r="I79" s="23">
        <v>0</v>
      </c>
      <c r="J79" s="23">
        <v>0</v>
      </c>
      <c r="K79" s="23">
        <v>0</v>
      </c>
      <c r="L79" s="23">
        <v>0</v>
      </c>
      <c r="M79" s="23">
        <v>0</v>
      </c>
      <c r="N79" s="23" t="s">
        <v>39</v>
      </c>
      <c r="O79" s="23">
        <v>0</v>
      </c>
      <c r="P79" s="23">
        <v>0</v>
      </c>
      <c r="Q79" s="23">
        <v>0</v>
      </c>
      <c r="R79" s="23">
        <v>0</v>
      </c>
      <c r="S79" s="24">
        <v>0</v>
      </c>
      <c r="T79" s="31">
        <v>0</v>
      </c>
      <c r="U79" s="25">
        <v>0</v>
      </c>
      <c r="V79" s="25">
        <v>0</v>
      </c>
      <c r="W79" s="25">
        <v>0</v>
      </c>
      <c r="X79" s="25" t="s">
        <v>39</v>
      </c>
      <c r="Y79" s="26">
        <v>0</v>
      </c>
      <c r="Z79" s="31" t="s">
        <v>39</v>
      </c>
      <c r="AA79" s="23" t="s">
        <v>39</v>
      </c>
      <c r="AB79" s="24">
        <v>0</v>
      </c>
      <c r="AC79" s="22">
        <v>0</v>
      </c>
      <c r="AD79" s="27">
        <v>0</v>
      </c>
    </row>
    <row r="80" spans="2:33" ht="36" customHeight="1" x14ac:dyDescent="0.15">
      <c r="B80" s="18">
        <v>77</v>
      </c>
      <c r="C80" s="28" t="s">
        <v>44</v>
      </c>
      <c r="D80" s="19" t="s">
        <v>45</v>
      </c>
      <c r="E80" s="20" t="s">
        <v>36</v>
      </c>
      <c r="F80" s="29" t="s">
        <v>170</v>
      </c>
      <c r="G80" s="29" t="s">
        <v>99</v>
      </c>
      <c r="H80" s="22">
        <v>0</v>
      </c>
      <c r="I80" s="23">
        <v>0</v>
      </c>
      <c r="J80" s="23" t="s">
        <v>39</v>
      </c>
      <c r="K80" s="23" t="s">
        <v>39</v>
      </c>
      <c r="L80" s="23">
        <v>0</v>
      </c>
      <c r="M80" s="23">
        <v>0</v>
      </c>
      <c r="N80" s="23">
        <v>0</v>
      </c>
      <c r="O80" s="23">
        <v>0</v>
      </c>
      <c r="P80" s="23">
        <v>0</v>
      </c>
      <c r="Q80" s="23">
        <v>0</v>
      </c>
      <c r="R80" s="23">
        <v>0</v>
      </c>
      <c r="S80" s="24">
        <v>0</v>
      </c>
      <c r="T80" s="31">
        <v>0</v>
      </c>
      <c r="U80" s="25" t="s">
        <v>39</v>
      </c>
      <c r="V80" s="25">
        <v>0</v>
      </c>
      <c r="W80" s="25" t="s">
        <v>39</v>
      </c>
      <c r="X80" s="25" t="s">
        <v>39</v>
      </c>
      <c r="Y80" s="26">
        <v>0</v>
      </c>
      <c r="Z80" s="31">
        <v>0</v>
      </c>
      <c r="AA80" s="23">
        <v>0</v>
      </c>
      <c r="AB80" s="24">
        <v>0</v>
      </c>
      <c r="AC80" s="22" t="s">
        <v>40</v>
      </c>
      <c r="AD80" s="27" t="s">
        <v>40</v>
      </c>
    </row>
    <row r="81" spans="2:30" ht="36" customHeight="1" x14ac:dyDescent="0.15">
      <c r="B81" s="18">
        <v>78</v>
      </c>
      <c r="C81" s="28" t="s">
        <v>44</v>
      </c>
      <c r="D81" s="19" t="s">
        <v>45</v>
      </c>
      <c r="E81" s="20" t="s">
        <v>36</v>
      </c>
      <c r="F81" s="21" t="s">
        <v>122</v>
      </c>
      <c r="G81" s="21" t="s">
        <v>123</v>
      </c>
      <c r="H81" s="22">
        <v>0</v>
      </c>
      <c r="I81" s="23" t="s">
        <v>39</v>
      </c>
      <c r="J81" s="89" t="s">
        <v>39</v>
      </c>
      <c r="K81" s="23" t="s">
        <v>39</v>
      </c>
      <c r="L81" s="23">
        <v>0</v>
      </c>
      <c r="M81" s="23">
        <v>0</v>
      </c>
      <c r="N81" s="23">
        <v>0</v>
      </c>
      <c r="O81" s="23">
        <v>0</v>
      </c>
      <c r="P81" s="23">
        <v>0</v>
      </c>
      <c r="Q81" s="23">
        <v>0</v>
      </c>
      <c r="R81" s="23">
        <v>0</v>
      </c>
      <c r="S81" s="24">
        <v>0</v>
      </c>
      <c r="T81" s="31" t="s">
        <v>39</v>
      </c>
      <c r="U81" s="25" t="s">
        <v>39</v>
      </c>
      <c r="V81" s="25" t="s">
        <v>39</v>
      </c>
      <c r="W81" s="25" t="s">
        <v>39</v>
      </c>
      <c r="X81" s="25" t="s">
        <v>39</v>
      </c>
      <c r="Y81" s="26" t="s">
        <v>39</v>
      </c>
      <c r="Z81" s="31" t="s">
        <v>39</v>
      </c>
      <c r="AA81" s="23">
        <v>0</v>
      </c>
      <c r="AB81" s="24">
        <v>0</v>
      </c>
      <c r="AC81" s="22" t="s">
        <v>40</v>
      </c>
      <c r="AD81" s="27">
        <v>0</v>
      </c>
    </row>
    <row r="82" spans="2:30" ht="36" customHeight="1" x14ac:dyDescent="0.15">
      <c r="B82" s="18">
        <v>79</v>
      </c>
      <c r="C82" s="28" t="s">
        <v>44</v>
      </c>
      <c r="D82" s="19" t="s">
        <v>45</v>
      </c>
      <c r="E82" s="85" t="s">
        <v>52</v>
      </c>
      <c r="F82" s="29" t="s">
        <v>171</v>
      </c>
      <c r="G82" s="29" t="s">
        <v>172</v>
      </c>
      <c r="H82" s="22" t="s">
        <v>39</v>
      </c>
      <c r="I82" s="91" t="s">
        <v>39</v>
      </c>
      <c r="J82" s="23" t="s">
        <v>39</v>
      </c>
      <c r="K82" s="89" t="s">
        <v>39</v>
      </c>
      <c r="L82" s="23" t="s">
        <v>40</v>
      </c>
      <c r="M82" s="23" t="s">
        <v>39</v>
      </c>
      <c r="N82" s="23" t="s">
        <v>39</v>
      </c>
      <c r="O82" s="23" t="s">
        <v>39</v>
      </c>
      <c r="P82" s="90" t="s">
        <v>40</v>
      </c>
      <c r="Q82" s="23" t="s">
        <v>40</v>
      </c>
      <c r="R82" s="23" t="s">
        <v>39</v>
      </c>
      <c r="S82" s="86" t="s">
        <v>39</v>
      </c>
      <c r="T82" s="31" t="s">
        <v>39</v>
      </c>
      <c r="U82" s="25" t="s">
        <v>39</v>
      </c>
      <c r="V82" s="25">
        <v>0</v>
      </c>
      <c r="W82" s="25">
        <v>0</v>
      </c>
      <c r="X82" s="25" t="s">
        <v>39</v>
      </c>
      <c r="Y82" s="87" t="s">
        <v>39</v>
      </c>
      <c r="Z82" s="31">
        <v>0</v>
      </c>
      <c r="AA82" s="23" t="s">
        <v>40</v>
      </c>
      <c r="AB82" s="86" t="s">
        <v>39</v>
      </c>
      <c r="AC82" s="22">
        <v>0</v>
      </c>
      <c r="AD82" s="88">
        <v>0</v>
      </c>
    </row>
    <row r="83" spans="2:30" ht="36" customHeight="1" x14ac:dyDescent="0.15">
      <c r="B83" s="18">
        <v>80</v>
      </c>
      <c r="C83" s="60" t="s">
        <v>44</v>
      </c>
      <c r="D83" s="60" t="s">
        <v>45</v>
      </c>
      <c r="E83" s="61" t="s">
        <v>52</v>
      </c>
      <c r="F83" s="61" t="s">
        <v>171</v>
      </c>
      <c r="G83" s="61" t="s">
        <v>173</v>
      </c>
      <c r="H83" s="22" t="s">
        <v>39</v>
      </c>
      <c r="I83" s="23" t="s">
        <v>39</v>
      </c>
      <c r="J83" s="23" t="s">
        <v>39</v>
      </c>
      <c r="K83" s="23" t="s">
        <v>39</v>
      </c>
      <c r="L83" s="23" t="s">
        <v>40</v>
      </c>
      <c r="M83" s="23" t="s">
        <v>39</v>
      </c>
      <c r="N83" s="23" t="s">
        <v>39</v>
      </c>
      <c r="O83" s="23" t="s">
        <v>39</v>
      </c>
      <c r="P83" s="23" t="s">
        <v>40</v>
      </c>
      <c r="Q83" s="89" t="s">
        <v>40</v>
      </c>
      <c r="R83" s="23" t="s">
        <v>39</v>
      </c>
      <c r="S83" s="24" t="s">
        <v>39</v>
      </c>
      <c r="T83" s="31" t="s">
        <v>39</v>
      </c>
      <c r="U83" s="25">
        <v>0</v>
      </c>
      <c r="V83" s="25">
        <v>0</v>
      </c>
      <c r="W83" s="25" t="s">
        <v>39</v>
      </c>
      <c r="X83" s="25" t="s">
        <v>39</v>
      </c>
      <c r="Y83" s="26" t="s">
        <v>39</v>
      </c>
      <c r="Z83" s="31" t="s">
        <v>39</v>
      </c>
      <c r="AA83" s="23" t="s">
        <v>40</v>
      </c>
      <c r="AB83" s="24" t="s">
        <v>39</v>
      </c>
      <c r="AC83" s="22">
        <v>0</v>
      </c>
      <c r="AD83" s="24">
        <v>0</v>
      </c>
    </row>
    <row r="84" spans="2:30" ht="36" customHeight="1" x14ac:dyDescent="0.15">
      <c r="B84" s="62"/>
      <c r="C84" s="63"/>
      <c r="D84" s="64"/>
      <c r="E84" s="1"/>
      <c r="F84" s="36"/>
      <c r="G84" s="36"/>
      <c r="H84" s="65"/>
      <c r="I84" s="65"/>
      <c r="J84" s="65"/>
      <c r="K84" s="65"/>
      <c r="L84" s="65"/>
      <c r="M84" s="65"/>
      <c r="N84" s="65"/>
      <c r="O84" s="65"/>
      <c r="P84" s="65"/>
      <c r="Q84" s="65"/>
      <c r="R84" s="65"/>
      <c r="S84" s="65"/>
      <c r="T84" s="66"/>
      <c r="U84" s="66"/>
      <c r="V84" s="66"/>
      <c r="W84" s="66"/>
      <c r="X84" s="66"/>
      <c r="Y84" s="66"/>
      <c r="Z84" s="66"/>
      <c r="AA84" s="65"/>
      <c r="AB84" s="65"/>
      <c r="AC84" s="65"/>
      <c r="AD84" s="64"/>
    </row>
    <row r="85" spans="2:30" ht="36" customHeight="1" x14ac:dyDescent="0.15">
      <c r="B85" s="62"/>
      <c r="C85" s="63"/>
      <c r="D85" s="64"/>
      <c r="E85" s="1"/>
      <c r="F85" s="30"/>
      <c r="G85" s="36"/>
      <c r="H85" s="65"/>
      <c r="I85" s="65"/>
      <c r="J85" s="65"/>
      <c r="K85" s="65"/>
      <c r="L85" s="65"/>
      <c r="M85" s="65"/>
      <c r="N85" s="65"/>
      <c r="O85" s="65"/>
      <c r="P85" s="65"/>
      <c r="Q85" s="65"/>
      <c r="R85" s="65"/>
      <c r="S85" s="65"/>
      <c r="T85" s="66"/>
      <c r="U85" s="66"/>
      <c r="V85" s="66"/>
      <c r="W85" s="66"/>
      <c r="X85" s="66"/>
      <c r="Y85" s="66"/>
      <c r="Z85" s="66"/>
      <c r="AA85" s="65"/>
      <c r="AB85" s="65"/>
      <c r="AC85" s="65"/>
      <c r="AD85" s="64"/>
    </row>
    <row r="86" spans="2:30" ht="36" customHeight="1" x14ac:dyDescent="0.15">
      <c r="B86" s="62"/>
      <c r="C86" s="63"/>
      <c r="D86" s="64"/>
      <c r="E86" s="1"/>
      <c r="F86" s="36"/>
      <c r="G86" s="30"/>
      <c r="H86" s="65"/>
      <c r="I86" s="65"/>
      <c r="J86" s="65"/>
      <c r="K86" s="65"/>
      <c r="L86" s="65"/>
      <c r="M86" s="65"/>
      <c r="N86" s="65"/>
      <c r="O86" s="65"/>
      <c r="P86" s="65"/>
      <c r="Q86" s="65"/>
      <c r="R86" s="65"/>
      <c r="S86" s="65"/>
      <c r="T86" s="66"/>
      <c r="U86" s="66"/>
      <c r="V86" s="66"/>
      <c r="W86" s="66"/>
      <c r="X86" s="66"/>
      <c r="Y86" s="66"/>
      <c r="Z86" s="66"/>
      <c r="AA86" s="65"/>
      <c r="AB86" s="65"/>
      <c r="AC86" s="65"/>
      <c r="AD86" s="64"/>
    </row>
    <row r="87" spans="2:30" ht="36" customHeight="1" x14ac:dyDescent="0.15">
      <c r="B87" s="62"/>
      <c r="C87" s="63"/>
      <c r="D87" s="64"/>
      <c r="E87" s="1"/>
      <c r="F87" s="36"/>
      <c r="G87" s="30"/>
      <c r="H87" s="65"/>
      <c r="I87" s="65"/>
      <c r="J87" s="65"/>
      <c r="K87" s="65"/>
      <c r="L87" s="65"/>
      <c r="M87" s="65"/>
      <c r="N87" s="65"/>
      <c r="O87" s="65"/>
      <c r="P87" s="65"/>
      <c r="Q87" s="65"/>
      <c r="R87" s="65"/>
      <c r="S87" s="65"/>
      <c r="T87" s="66"/>
      <c r="U87" s="66"/>
      <c r="V87" s="66"/>
      <c r="W87" s="66"/>
      <c r="X87" s="66"/>
      <c r="Y87" s="66"/>
      <c r="Z87" s="66"/>
      <c r="AA87" s="65"/>
      <c r="AB87" s="65"/>
      <c r="AC87" s="65"/>
      <c r="AD87" s="64"/>
    </row>
  </sheetData>
  <autoFilter ref="B3:AD87" xr:uid="{00000000-0009-0000-0000-000000000000}">
    <sortState xmlns:xlrd2="http://schemas.microsoft.com/office/spreadsheetml/2017/richdata2" ref="B4:AD30">
      <sortCondition ref="D4:D87" customList="企業,ＮＰＯ法人等"/>
    </sortState>
  </autoFilter>
  <phoneticPr fontId="2"/>
  <conditionalFormatting sqref="H4:Y87">
    <cfRule type="containsBlanks" dxfId="0" priority="1">
      <formula>LEN(TRIM(#REF!))=0</formula>
    </cfRule>
  </conditionalFormatting>
  <dataValidations count="2">
    <dataValidation type="list" allowBlank="1" showInputMessage="1" showErrorMessage="1" sqref="AA89:AA100" xr:uid="{00000000-0002-0000-0000-000000000000}">
      <formula1>$AE$5:$AE$7</formula1>
    </dataValidation>
    <dataValidation type="list" allowBlank="1" showInputMessage="1" showErrorMessage="1" sqref="E89" xr:uid="{00000000-0002-0000-0000-000001000000}">
      <formula1>#REF!</formula1>
    </dataValidation>
  </dataValidations>
  <pageMargins left="0.25" right="0.25" top="0.75" bottom="0.75" header="0.3" footer="0.3"/>
  <pageSetup paperSize="8" scale="66"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10T08:41:18Z</cp:lastPrinted>
  <dcterms:created xsi:type="dcterms:W3CDTF">2024-03-13T06:06:42Z</dcterms:created>
  <dcterms:modified xsi:type="dcterms:W3CDTF">2026-05-01T05:12:14Z</dcterms:modified>
</cp:coreProperties>
</file>